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342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2843938\Desktop\FBLA Past Winners\"/>
    </mc:Choice>
  </mc:AlternateContent>
  <xr:revisionPtr revIDLastSave="0" documentId="8_{E0034288-DED2-45A2-9C74-DBD507C40C94}" xr6:coauthVersionLast="45" xr6:coauthVersionMax="45" xr10:uidLastSave="{00000000-0000-0000-0000-000000000000}"/>
  <bookViews>
    <workbookView xWindow="-120" yWindow="-120" windowWidth="29040" windowHeight="15840" xr2:uid="{00000000-000D-0000-FFFF-FFFF00000000}"/>
  </bookViews>
  <sheets>
    <sheet name="Sheet1" sheetId="1" r:id="rId1"/>
    <sheet name="Sheet2" sheetId="2" r:id="rId2"/>
    <sheet name="Sheet3" sheetId="3" r:id="rId3"/>
  </sheets>
  <calcPr calcId="114210"/>
</workbook>
</file>

<file path=xl/sharedStrings.xml><?xml version="1.0" encoding="utf-8"?>
<sst xmlns="http://schemas.openxmlformats.org/spreadsheetml/2006/main" count="2089" uniqueCount="1099">
  <si>
    <t>Sasha</t>
  </si>
  <si>
    <t>Haarberg</t>
  </si>
  <si>
    <t>Katie</t>
  </si>
  <si>
    <t>Cedar</t>
  </si>
  <si>
    <t>Bellows</t>
  </si>
  <si>
    <t>Brittni</t>
  </si>
  <si>
    <t>Eastin</t>
  </si>
  <si>
    <t>Jordan</t>
  </si>
  <si>
    <t>Arickaree High School</t>
  </si>
  <si>
    <t>Casey</t>
  </si>
  <si>
    <t>Chase</t>
  </si>
  <si>
    <t>Baker</t>
  </si>
  <si>
    <t>Cody</t>
  </si>
  <si>
    <t>Jones</t>
  </si>
  <si>
    <t>Larissa</t>
  </si>
  <si>
    <t>Craig</t>
  </si>
  <si>
    <t>Patrick</t>
  </si>
  <si>
    <t>Trinidad High School</t>
  </si>
  <si>
    <t>District 7</t>
  </si>
  <si>
    <t>Jennifer</t>
  </si>
  <si>
    <t>Allison</t>
  </si>
  <si>
    <t>Iuppa</t>
  </si>
  <si>
    <t>Fleshman</t>
  </si>
  <si>
    <t>Sabrina</t>
  </si>
  <si>
    <t>Feagaiga</t>
  </si>
  <si>
    <t>Maria</t>
  </si>
  <si>
    <t>Sunee</t>
  </si>
  <si>
    <t>La Junta High School</t>
  </si>
  <si>
    <t>Lone Star School</t>
  </si>
  <si>
    <t>District 4</t>
  </si>
  <si>
    <t>Jon</t>
  </si>
  <si>
    <t>Michael</t>
  </si>
  <si>
    <t>Kelsey</t>
  </si>
  <si>
    <t>Day</t>
  </si>
  <si>
    <t>Kyle</t>
  </si>
  <si>
    <t>Miller</t>
  </si>
  <si>
    <t>Hoehne High School</t>
  </si>
  <si>
    <t>Becky</t>
  </si>
  <si>
    <t>Brandon</t>
  </si>
  <si>
    <t>Matthew</t>
  </si>
  <si>
    <t>Hass</t>
  </si>
  <si>
    <t>Justin</t>
  </si>
  <si>
    <t>Eric</t>
  </si>
  <si>
    <t>Danielson</t>
  </si>
  <si>
    <t>Garrett</t>
  </si>
  <si>
    <t>Chris</t>
  </si>
  <si>
    <t>Stacy</t>
  </si>
  <si>
    <t>April</t>
  </si>
  <si>
    <t>Placher</t>
  </si>
  <si>
    <t>Mona</t>
  </si>
  <si>
    <t>Tavakoli</t>
  </si>
  <si>
    <t>Nicolina</t>
  </si>
  <si>
    <t>Villani Martinez</t>
  </si>
  <si>
    <t>Taylor</t>
  </si>
  <si>
    <t>Alyssa</t>
  </si>
  <si>
    <t>Wilson</t>
  </si>
  <si>
    <t>Erin</t>
  </si>
  <si>
    <t>Cheraw High School</t>
  </si>
  <si>
    <t>Kendall</t>
  </si>
  <si>
    <t>Brady</t>
  </si>
  <si>
    <t>Phillps</t>
  </si>
  <si>
    <t>Pearce</t>
  </si>
  <si>
    <t>Lindsay</t>
  </si>
  <si>
    <t>Broce</t>
  </si>
  <si>
    <t>Alyssa/Katie/Cassie</t>
  </si>
  <si>
    <t>Chen/Gerth/Walter</t>
  </si>
  <si>
    <t>Angela/Laura/Laren</t>
  </si>
  <si>
    <t>Emery/Blake/Lindsay</t>
  </si>
  <si>
    <t>Crump/Pearce/Broce</t>
  </si>
  <si>
    <t>Jon/Lyndee/Krista</t>
  </si>
  <si>
    <t>Cisneros/Charles/Kinkel</t>
  </si>
  <si>
    <t>Keith/Lisa/Rhaeli</t>
  </si>
  <si>
    <t>Hester/Miller/Sicklebower</t>
  </si>
  <si>
    <t>Kelind/Jenna/Brenna</t>
  </si>
  <si>
    <t>Baker/Diedrich/Harfert</t>
  </si>
  <si>
    <t>Kelsey/Matraca</t>
  </si>
  <si>
    <t>Carter/Bethune</t>
  </si>
  <si>
    <t>Rachel/Kayla/Samantha</t>
  </si>
  <si>
    <t>Hague/Curtis/Mayhew</t>
  </si>
  <si>
    <t>Shannon/Elaina/Molly</t>
  </si>
  <si>
    <t>Bornhoft/Nygaard/Vasa</t>
  </si>
  <si>
    <t xml:space="preserve">Stephanie </t>
  </si>
  <si>
    <t>Shaw</t>
  </si>
  <si>
    <t>Kendyl</t>
  </si>
  <si>
    <t>Mariah</t>
  </si>
  <si>
    <t>Blecha</t>
  </si>
  <si>
    <t>Kendra</t>
  </si>
  <si>
    <t>Bay</t>
  </si>
  <si>
    <t>Judi</t>
  </si>
  <si>
    <t>Morado</t>
  </si>
  <si>
    <t>Kim High School</t>
  </si>
  <si>
    <t>Dawn</t>
  </si>
  <si>
    <t>Goodrich</t>
  </si>
  <si>
    <t>Ashley</t>
  </si>
  <si>
    <t>Alex</t>
  </si>
  <si>
    <t xml:space="preserve">Nathan </t>
  </si>
  <si>
    <t>Shelby</t>
  </si>
  <si>
    <t>Danielle</t>
  </si>
  <si>
    <t>Jonathan</t>
  </si>
  <si>
    <t>Flagler High School</t>
  </si>
  <si>
    <t>Elrick</t>
  </si>
  <si>
    <t>Emily</t>
  </si>
  <si>
    <t>Daniel</t>
  </si>
  <si>
    <t>Rachel</t>
  </si>
  <si>
    <t>Strauch</t>
  </si>
  <si>
    <t>Kelly</t>
  </si>
  <si>
    <t>Coy</t>
  </si>
  <si>
    <t>District 9</t>
  </si>
  <si>
    <t>Tyler</t>
  </si>
  <si>
    <t>Austin</t>
  </si>
  <si>
    <t>Crowley County High School</t>
  </si>
  <si>
    <t>Kevin</t>
  </si>
  <si>
    <t>ACCOUNTING II - FINALS</t>
  </si>
  <si>
    <t>AMERICAN ENTERPRISE - FINALS</t>
  </si>
  <si>
    <t>Aughe/Patterson/
Ruiz</t>
  </si>
  <si>
    <t>Freng/Toney/
Tucker</t>
  </si>
  <si>
    <t>Asling/James/
Misner</t>
  </si>
  <si>
    <t>Amanda/Tiegen/
Leeanna</t>
  </si>
  <si>
    <t>Danielle/Whitney/
Kaylee</t>
  </si>
  <si>
    <t>COMPUTER APPLICATIONS - FINALS</t>
  </si>
  <si>
    <t>BUSINESS PLAN - FINALS</t>
  </si>
  <si>
    <t>Kenneth/Jordon/
Bryndee</t>
  </si>
  <si>
    <t>Medina/Parker/
Peterson</t>
  </si>
  <si>
    <t>Butler/Noe/
Wheeler</t>
  </si>
  <si>
    <t>Andrea/Jessie/
Michaela</t>
  </si>
  <si>
    <t>DESKTOP APPLICATION PROGRAMMING - FINALS</t>
  </si>
  <si>
    <t>DESKTOP PUBLISHING - FINALS</t>
  </si>
  <si>
    <t>E-BUSINESS - FINALS</t>
  </si>
  <si>
    <t>ELECTRONIC CAREER PORTFOLIO - FINALS</t>
  </si>
  <si>
    <t>LOCAL CHAPTER ANNUAL BUSINESS REPORT - FINALS</t>
  </si>
  <si>
    <t>WORDPROCESSING I- FINALS</t>
  </si>
  <si>
    <t>WEB SITE DEVELOPMENT - FINALS</t>
  </si>
  <si>
    <t>Lyons/Torres/
Whitney</t>
  </si>
  <si>
    <t>Armitage/Rosen/
Warmenhoven</t>
  </si>
  <si>
    <t>McBain/McCarthy/
Whittemore</t>
  </si>
  <si>
    <t>Spencer/Chantel/
Kimberly</t>
  </si>
  <si>
    <t>Marybeth/Amana/
Maggie</t>
  </si>
  <si>
    <t>Kyah/Stephanie/
Alison</t>
  </si>
  <si>
    <t>INTERNET APPLICATION DESIGN PROGRAMMING - FINALS</t>
  </si>
  <si>
    <t>Salida High School</t>
  </si>
  <si>
    <t>District 8</t>
  </si>
  <si>
    <t>ANNA</t>
  </si>
  <si>
    <t>TESSITORE</t>
  </si>
  <si>
    <t>KELSEY</t>
  </si>
  <si>
    <t>MOORE</t>
  </si>
  <si>
    <t>JAKE</t>
  </si>
  <si>
    <t>SUSTRICH</t>
  </si>
  <si>
    <t>Fowler High School</t>
  </si>
  <si>
    <t>Sarah</t>
  </si>
  <si>
    <t>Zoe</t>
  </si>
  <si>
    <t>Fedde</t>
  </si>
  <si>
    <t>Ashleigh</t>
  </si>
  <si>
    <t>Fox</t>
  </si>
  <si>
    <t>Sean</t>
  </si>
  <si>
    <t>Cory</t>
  </si>
  <si>
    <t>Higgs</t>
  </si>
  <si>
    <t>Johnson</t>
  </si>
  <si>
    <t>Kurt</t>
  </si>
  <si>
    <t>Lieber</t>
  </si>
  <si>
    <t>Ben</t>
  </si>
  <si>
    <t>Amy</t>
  </si>
  <si>
    <t>Thomas</t>
  </si>
  <si>
    <t>Fruita Monument High School</t>
  </si>
  <si>
    <t>Hanna</t>
  </si>
  <si>
    <t>Cuoco</t>
  </si>
  <si>
    <t>Jeff</t>
  </si>
  <si>
    <t>Schumacher</t>
  </si>
  <si>
    <t>Anna</t>
  </si>
  <si>
    <t>Julesburg High School</t>
  </si>
  <si>
    <t>Nicole</t>
  </si>
  <si>
    <t>Bailey</t>
  </si>
  <si>
    <t>Orth</t>
  </si>
  <si>
    <t>Greeley Central High School</t>
  </si>
  <si>
    <t>David</t>
  </si>
  <si>
    <t>Jaime</t>
  </si>
  <si>
    <t>Arreola</t>
  </si>
  <si>
    <t>Jamie</t>
  </si>
  <si>
    <t>Howard</t>
  </si>
  <si>
    <t>Holyoke High School</t>
  </si>
  <si>
    <t>Nelson</t>
  </si>
  <si>
    <t>Megan</t>
  </si>
  <si>
    <t>Cheyenne Wells High School</t>
  </si>
  <si>
    <t>Logan</t>
  </si>
  <si>
    <t>Olivia</t>
  </si>
  <si>
    <t>University High School</t>
  </si>
  <si>
    <t>Zach</t>
  </si>
  <si>
    <t>Bond</t>
  </si>
  <si>
    <t>Hartshorn</t>
  </si>
  <si>
    <t>Springfield High School</t>
  </si>
  <si>
    <t>McVey</t>
  </si>
  <si>
    <t>Wood</t>
  </si>
  <si>
    <t>La Veta High School</t>
  </si>
  <si>
    <t>Shea</t>
  </si>
  <si>
    <t>Brgoch</t>
  </si>
  <si>
    <t>Samantha</t>
  </si>
  <si>
    <t>Dakota</t>
  </si>
  <si>
    <t>Mitchell</t>
  </si>
  <si>
    <t>Kurtis</t>
  </si>
  <si>
    <t>Matt</t>
  </si>
  <si>
    <t>Lee</t>
  </si>
  <si>
    <t>Davis</t>
  </si>
  <si>
    <t>Molly</t>
  </si>
  <si>
    <t>Nielsen</t>
  </si>
  <si>
    <t>Tim</t>
  </si>
  <si>
    <t>Malouff</t>
  </si>
  <si>
    <t>Ruth</t>
  </si>
  <si>
    <t>Montano</t>
  </si>
  <si>
    <t>Vigil</t>
  </si>
  <si>
    <t>Swink High School</t>
  </si>
  <si>
    <t>Mathew</t>
  </si>
  <si>
    <t>Arthur</t>
  </si>
  <si>
    <t>Duran</t>
  </si>
  <si>
    <t>Nick</t>
  </si>
  <si>
    <t>Gallegos</t>
  </si>
  <si>
    <t>Stephanie</t>
  </si>
  <si>
    <t>Graham</t>
  </si>
  <si>
    <t>Jacob</t>
  </si>
  <si>
    <t>Aaron</t>
  </si>
  <si>
    <t>Parker</t>
  </si>
  <si>
    <t>Air Academy High School</t>
  </si>
  <si>
    <t>District 6</t>
  </si>
  <si>
    <t>John</t>
  </si>
  <si>
    <t>Harding</t>
  </si>
  <si>
    <t>Sam</t>
  </si>
  <si>
    <t>Chad</t>
  </si>
  <si>
    <t>Keith</t>
  </si>
  <si>
    <t>Berthoud High School</t>
  </si>
  <si>
    <t>Cook</t>
  </si>
  <si>
    <t>Brandi</t>
  </si>
  <si>
    <t>Moore</t>
  </si>
  <si>
    <t>Jessica</t>
  </si>
  <si>
    <t>Pilkington</t>
  </si>
  <si>
    <t>Jenna</t>
  </si>
  <si>
    <t>West</t>
  </si>
  <si>
    <t>District 2</t>
  </si>
  <si>
    <t>Sierra Grande School</t>
  </si>
  <si>
    <t>Smith</t>
  </si>
  <si>
    <t>Mark</t>
  </si>
  <si>
    <t>Smead</t>
  </si>
  <si>
    <t>Nicolas</t>
  </si>
  <si>
    <t>Garcia</t>
  </si>
  <si>
    <t>Windsor High School</t>
  </si>
  <si>
    <t>Michelle</t>
  </si>
  <si>
    <t>Steven</t>
  </si>
  <si>
    <t xml:space="preserve">Cody </t>
  </si>
  <si>
    <t>Groves</t>
  </si>
  <si>
    <t>Paige</t>
  </si>
  <si>
    <t>Cox</t>
  </si>
  <si>
    <t>Anderson</t>
  </si>
  <si>
    <t>Fisher</t>
  </si>
  <si>
    <t>Haley</t>
  </si>
  <si>
    <t>Chelsea</t>
  </si>
  <si>
    <t>Jordyn</t>
  </si>
  <si>
    <t>Becker</t>
  </si>
  <si>
    <t>Zabonik</t>
  </si>
  <si>
    <t>Fort Collins High School</t>
  </si>
  <si>
    <t>Mitch</t>
  </si>
  <si>
    <t>Hanson</t>
  </si>
  <si>
    <t>Jarrod</t>
  </si>
  <si>
    <t>Barraza</t>
  </si>
  <si>
    <t>Dan</t>
  </si>
  <si>
    <t>Mountain Range High School</t>
  </si>
  <si>
    <t>Roderick</t>
  </si>
  <si>
    <t>Davila</t>
  </si>
  <si>
    <t>Thompson</t>
  </si>
  <si>
    <t>Ryan</t>
  </si>
  <si>
    <t>Hannah</t>
  </si>
  <si>
    <t>Fort Morgan High School</t>
  </si>
  <si>
    <t>Andrew</t>
  </si>
  <si>
    <t>Gonzalez</t>
  </si>
  <si>
    <t>Bain</t>
  </si>
  <si>
    <t>Madison</t>
  </si>
  <si>
    <t>Krien</t>
  </si>
  <si>
    <t>Telluride High School</t>
  </si>
  <si>
    <t>Dana</t>
  </si>
  <si>
    <t>Yohey</t>
  </si>
  <si>
    <t>Nathaniel</t>
  </si>
  <si>
    <t>Sterling High School</t>
  </si>
  <si>
    <t>Beardsley</t>
  </si>
  <si>
    <t>Carter</t>
  </si>
  <si>
    <t>Northridge High School</t>
  </si>
  <si>
    <t>Mike</t>
  </si>
  <si>
    <t>Meier</t>
  </si>
  <si>
    <t>Meisner</t>
  </si>
  <si>
    <t>Fast</t>
  </si>
  <si>
    <t>Andy</t>
  </si>
  <si>
    <t>Sargent</t>
  </si>
  <si>
    <t>Holyoke</t>
  </si>
  <si>
    <t>Caliche</t>
  </si>
  <si>
    <t>Haxtun</t>
  </si>
  <si>
    <t>Liberty Joes</t>
  </si>
  <si>
    <t>Sand Creek</t>
  </si>
  <si>
    <t>Big Sandy</t>
  </si>
  <si>
    <t>Douglas County</t>
  </si>
  <si>
    <t>Cheraw</t>
  </si>
  <si>
    <t>Lamb</t>
  </si>
  <si>
    <t>Bryce</t>
  </si>
  <si>
    <t>Lanckriet</t>
  </si>
  <si>
    <t>Lauer</t>
  </si>
  <si>
    <t>Joseph</t>
  </si>
  <si>
    <t>Arnett</t>
  </si>
  <si>
    <t>Alexis</t>
  </si>
  <si>
    <t>Locke</t>
  </si>
  <si>
    <t>Shawn</t>
  </si>
  <si>
    <t>Kylie</t>
  </si>
  <si>
    <t>Erica</t>
  </si>
  <si>
    <t>Ali</t>
  </si>
  <si>
    <t>Trey</t>
  </si>
  <si>
    <t>Hickert</t>
  </si>
  <si>
    <t>Keli</t>
  </si>
  <si>
    <t>Sherman</t>
  </si>
  <si>
    <t>Jaiden</t>
  </si>
  <si>
    <t>Potter</t>
  </si>
  <si>
    <t>Keil</t>
  </si>
  <si>
    <t>Sonnenberg</t>
  </si>
  <si>
    <t>Rocky Ford High School</t>
  </si>
  <si>
    <t>Shawna</t>
  </si>
  <si>
    <t>Carly</t>
  </si>
  <si>
    <t>Jake</t>
  </si>
  <si>
    <t>Kim</t>
  </si>
  <si>
    <t>Zariah</t>
  </si>
  <si>
    <t>Kristi</t>
  </si>
  <si>
    <t>Marin</t>
  </si>
  <si>
    <t>Stieb</t>
  </si>
  <si>
    <t>Margaret</t>
  </si>
  <si>
    <t>Tafoya</t>
  </si>
  <si>
    <t>Grant</t>
  </si>
  <si>
    <t>Suto</t>
  </si>
  <si>
    <t>Wiggins High School</t>
  </si>
  <si>
    <t>Paul</t>
  </si>
  <si>
    <t>Herrera</t>
  </si>
  <si>
    <t>Idalia High School</t>
  </si>
  <si>
    <t>Abby</t>
  </si>
  <si>
    <t>Weyerman</t>
  </si>
  <si>
    <t>Clay</t>
  </si>
  <si>
    <t>Ramseier</t>
  </si>
  <si>
    <t>Landon</t>
  </si>
  <si>
    <t>Sydney</t>
  </si>
  <si>
    <t>Alamosa High School</t>
  </si>
  <si>
    <t>PARLIAMENTARY PROCEDURE - FINALS</t>
  </si>
  <si>
    <t>NETWORK DESIGN - FINALS</t>
  </si>
  <si>
    <t>Brenton/Levi/
Brandon</t>
  </si>
  <si>
    <t>Manweiler/Olsen/
Schaffer</t>
  </si>
  <si>
    <t>Mike/Christian/
Madison</t>
  </si>
  <si>
    <t>Jessica/Danielle/
Kristi</t>
  </si>
  <si>
    <t>MANAGEMENT DECISION MAKING - FINALS</t>
  </si>
  <si>
    <t>Bridges/Hammontree/
Montanez</t>
  </si>
  <si>
    <t>Derrera/Fuentes/
Willingham</t>
  </si>
  <si>
    <t>BANKING &amp; FINANCIAL SYSTEMS - FINALS</t>
  </si>
  <si>
    <t>Hyman/Luebke/
Richardson</t>
  </si>
  <si>
    <t>Bestor/Sudduth/
Thompson</t>
  </si>
  <si>
    <t>BUSINESS FINANCIAL PLAN - FINALS</t>
  </si>
  <si>
    <t>Stephanie/Lexy/
Samantha</t>
  </si>
  <si>
    <t>Benson/Grauberger/
Kloberdanz</t>
  </si>
  <si>
    <t>FUTURE BUSINESS LEADER - FINALS</t>
  </si>
  <si>
    <t>PARTNERSHIP WITH BUSINESS - FINALS</t>
  </si>
  <si>
    <t>Caroline/DaeLynne/
Christine</t>
  </si>
  <si>
    <t>Alexander/Roswold/
Tompkins</t>
  </si>
  <si>
    <t>Starkebaum/Dishman/
Kipp</t>
  </si>
  <si>
    <t>PUBLIC SPEAKING II - FINALS</t>
  </si>
  <si>
    <t>EMERGING BUSINESS ISSUES - FINALS</t>
  </si>
  <si>
    <t>Carwin/Carwin/
Fehringer</t>
  </si>
  <si>
    <t>Brignt/Sutliff/
Henderson</t>
  </si>
  <si>
    <t>Brian</t>
  </si>
  <si>
    <t>Angelica</t>
  </si>
  <si>
    <t>Jefferson</t>
  </si>
  <si>
    <t>Geiger</t>
  </si>
  <si>
    <t>Marquez</t>
  </si>
  <si>
    <t>Emilio</t>
  </si>
  <si>
    <t>Leah</t>
  </si>
  <si>
    <t>Savannah</t>
  </si>
  <si>
    <t>Schlaufman</t>
  </si>
  <si>
    <t>Sisneros</t>
  </si>
  <si>
    <t>Wright</t>
  </si>
  <si>
    <t>Poudre High School</t>
  </si>
  <si>
    <t>Eads High School</t>
  </si>
  <si>
    <t>Levi</t>
  </si>
  <si>
    <t>Hallman</t>
  </si>
  <si>
    <t>Remington</t>
  </si>
  <si>
    <t>Brandt</t>
  </si>
  <si>
    <t>Barnett</t>
  </si>
  <si>
    <t>Nahm</t>
  </si>
  <si>
    <t>Canon City High School</t>
  </si>
  <si>
    <t>Trogden</t>
  </si>
  <si>
    <t>Caliche High School</t>
  </si>
  <si>
    <t>Vickers</t>
  </si>
  <si>
    <t>Robby</t>
  </si>
  <si>
    <t>Hendrix</t>
  </si>
  <si>
    <t>Woodlin School</t>
  </si>
  <si>
    <t>Kayla</t>
  </si>
  <si>
    <t>ACCOUNTING I - FINALS</t>
  </si>
  <si>
    <t>RANK</t>
  </si>
  <si>
    <t>BUSINESS CALCULATIONS - FINALS</t>
  </si>
  <si>
    <t>BUSINESS LAW - FINALS</t>
  </si>
  <si>
    <t>BUSINESS MATH - FINALS</t>
  </si>
  <si>
    <t>BUSINESS COMMUNICATION - FINALS</t>
  </si>
  <si>
    <t>HELP DESK - FINALS</t>
  </si>
  <si>
    <t>GLOBAL BUSINESS - FINALS</t>
  </si>
  <si>
    <t>IMPROMPTU SPEAKING - FINALS</t>
  </si>
  <si>
    <t>ENTREPRENEURSHIP - FINALS</t>
  </si>
  <si>
    <t>Cranson/Portuese/
Schoelkopf</t>
  </si>
  <si>
    <t>BUSINESS ETHICS - FINALS</t>
  </si>
  <si>
    <t>Nelson/Roelle/
Schumacher</t>
  </si>
  <si>
    <t>Arbuthnot/Mayhoffer
/Sober</t>
  </si>
  <si>
    <t>Moffat County High School
 - Craig</t>
  </si>
  <si>
    <t>PUBLIC SPEAKING I - FINALS</t>
  </si>
  <si>
    <t>Saba</t>
  </si>
  <si>
    <t>Teklu</t>
  </si>
  <si>
    <t>Martin</t>
  </si>
  <si>
    <t>Peetz High School</t>
  </si>
  <si>
    <t>Audrey</t>
  </si>
  <si>
    <t>Cassy</t>
  </si>
  <si>
    <t>Kayllie</t>
  </si>
  <si>
    <t>Stalina</t>
  </si>
  <si>
    <t>Breana</t>
  </si>
  <si>
    <t>Curtis</t>
  </si>
  <si>
    <t>Trevor</t>
  </si>
  <si>
    <t>Aguirre</t>
  </si>
  <si>
    <t>Kaitlyn</t>
  </si>
  <si>
    <t>Schmidt</t>
  </si>
  <si>
    <t>Valley High School</t>
  </si>
  <si>
    <t>Whitney</t>
  </si>
  <si>
    <t>Sondra</t>
  </si>
  <si>
    <t>Jesse</t>
  </si>
  <si>
    <t>Cooper</t>
  </si>
  <si>
    <t>Prairie High School</t>
  </si>
  <si>
    <t>Lone Elk</t>
  </si>
  <si>
    <t>Jayce</t>
  </si>
  <si>
    <t>Tappy</t>
  </si>
  <si>
    <t>Hotchkiss High School</t>
  </si>
  <si>
    <t>Haxtun High School</t>
  </si>
  <si>
    <t>Roger</t>
  </si>
  <si>
    <t>Agnew-Lundgren</t>
  </si>
  <si>
    <t>Heidi</t>
  </si>
  <si>
    <t>Gruber</t>
  </si>
  <si>
    <t>Kaitlin</t>
  </si>
  <si>
    <t>Hagemeyer</t>
  </si>
  <si>
    <t>Harrison</t>
  </si>
  <si>
    <t>Pierce</t>
  </si>
  <si>
    <t>Macey</t>
  </si>
  <si>
    <t>Chelsey</t>
  </si>
  <si>
    <t>DATABASE DESIGN &amp; APPLICATIONS</t>
  </si>
  <si>
    <t>Salyards</t>
  </si>
  <si>
    <t>Akron High School</t>
  </si>
  <si>
    <t>Sampson</t>
  </si>
  <si>
    <t>Virtual Challenge</t>
  </si>
  <si>
    <t>Blake Pearce</t>
  </si>
  <si>
    <t>Emery Crump</t>
  </si>
  <si>
    <t>JR Baune</t>
  </si>
  <si>
    <t>Matthew Erbes</t>
  </si>
  <si>
    <t>Jeffrey Pride</t>
  </si>
  <si>
    <t>Rampart High School</t>
  </si>
  <si>
    <t>Alick</t>
  </si>
  <si>
    <t>Morin</t>
  </si>
  <si>
    <t>Stephen</t>
  </si>
  <si>
    <t>Groundwater</t>
  </si>
  <si>
    <t>Arhianna</t>
  </si>
  <si>
    <t>Asuncion</t>
  </si>
  <si>
    <t>Mount</t>
  </si>
  <si>
    <t>Danni</t>
  </si>
  <si>
    <t>Cummings</t>
  </si>
  <si>
    <t>Randi</t>
  </si>
  <si>
    <t>Prime</t>
  </si>
  <si>
    <t>Tope</t>
  </si>
  <si>
    <t>Akshay</t>
  </si>
  <si>
    <t>Buddiga</t>
  </si>
  <si>
    <t>Claire</t>
  </si>
  <si>
    <t>Yetter</t>
  </si>
  <si>
    <t>Thornton High School</t>
  </si>
  <si>
    <t>Gibson</t>
  </si>
  <si>
    <t>Struthers</t>
  </si>
  <si>
    <t>Cicelia</t>
  </si>
  <si>
    <t>Veloz</t>
  </si>
  <si>
    <t>Minh</t>
  </si>
  <si>
    <t>Than</t>
  </si>
  <si>
    <t>Nguyen</t>
  </si>
  <si>
    <t>Platte Valley High School</t>
  </si>
  <si>
    <t>Cross</t>
  </si>
  <si>
    <t>Greenly</t>
  </si>
  <si>
    <t>Thimgan</t>
  </si>
  <si>
    <t>Manzanola High School</t>
  </si>
  <si>
    <t xml:space="preserve">Isaac </t>
  </si>
  <si>
    <t>Fasick</t>
  </si>
  <si>
    <t>Mills</t>
  </si>
  <si>
    <t>Sterling</t>
  </si>
  <si>
    <t>Zehnder</t>
  </si>
  <si>
    <t>Sangre De Cristo High School</t>
  </si>
  <si>
    <t>Chandler</t>
  </si>
  <si>
    <t>Kulp</t>
  </si>
  <si>
    <t>Heritage High School</t>
  </si>
  <si>
    <t>District 5</t>
  </si>
  <si>
    <t>Stout</t>
  </si>
  <si>
    <t>Otis High School</t>
  </si>
  <si>
    <t>Tawney</t>
  </si>
  <si>
    <t>Bleak</t>
  </si>
  <si>
    <t>Corman</t>
  </si>
  <si>
    <t>Dove Creek High School</t>
  </si>
  <si>
    <t>Myleah</t>
  </si>
  <si>
    <t>Fury</t>
  </si>
  <si>
    <t>Guynes</t>
  </si>
  <si>
    <t>2008 COLORADO STATE LEADERSHIP CONFERENCE WINNERS LIST</t>
  </si>
  <si>
    <t>Montrose High School</t>
  </si>
  <si>
    <t>Geesing</t>
  </si>
  <si>
    <t>Knifer</t>
  </si>
  <si>
    <t>Caryn</t>
  </si>
  <si>
    <t>Sargent High School</t>
  </si>
  <si>
    <t>Brown</t>
  </si>
  <si>
    <t>Catlin</t>
  </si>
  <si>
    <t>Geringer</t>
  </si>
  <si>
    <t>Kyanna</t>
  </si>
  <si>
    <t>Tylor</t>
  </si>
  <si>
    <t>Hagedorn</t>
  </si>
  <si>
    <t>Hart</t>
  </si>
  <si>
    <t>Katlin</t>
  </si>
  <si>
    <t>Hornig</t>
  </si>
  <si>
    <t>Salvador</t>
  </si>
  <si>
    <t>Martinez Lopez</t>
  </si>
  <si>
    <t>Rafe</t>
  </si>
  <si>
    <t>Paulson</t>
  </si>
  <si>
    <t>Rierson</t>
  </si>
  <si>
    <t>Caitlin</t>
  </si>
  <si>
    <t>Sanford High School</t>
  </si>
  <si>
    <t>Kortney</t>
  </si>
  <si>
    <t>Faucette</t>
  </si>
  <si>
    <t>Pueblo West High School</t>
  </si>
  <si>
    <t>Nathanael</t>
  </si>
  <si>
    <t>Ward</t>
  </si>
  <si>
    <t xml:space="preserve">Steven </t>
  </si>
  <si>
    <t>Cassidy</t>
  </si>
  <si>
    <t>Ortiz</t>
  </si>
  <si>
    <t>Eaton High School</t>
  </si>
  <si>
    <t xml:space="preserve">Shad </t>
  </si>
  <si>
    <t>Estrich</t>
  </si>
  <si>
    <t>Kruiednier</t>
  </si>
  <si>
    <t>Olathe High School</t>
  </si>
  <si>
    <t>Trent</t>
  </si>
  <si>
    <t>Emerson</t>
  </si>
  <si>
    <t>Lamm</t>
  </si>
  <si>
    <t>Betzen</t>
  </si>
  <si>
    <t xml:space="preserve">Mike </t>
  </si>
  <si>
    <t>Swadner</t>
  </si>
  <si>
    <t>Gonzales</t>
  </si>
  <si>
    <t>Pueblo Centennial High School</t>
  </si>
  <si>
    <t>Delta High School</t>
  </si>
  <si>
    <t>Roth</t>
  </si>
  <si>
    <t>Seth</t>
  </si>
  <si>
    <t>Hiler</t>
  </si>
  <si>
    <t>Myers</t>
  </si>
  <si>
    <t>Dustin</t>
  </si>
  <si>
    <t>Pagosa Springs High School</t>
  </si>
  <si>
    <t>Hilary</t>
  </si>
  <si>
    <t>Matzdorf</t>
  </si>
  <si>
    <t>Crow</t>
  </si>
  <si>
    <t>Kailee</t>
  </si>
  <si>
    <t>Kenyon</t>
  </si>
  <si>
    <t>Davey</t>
  </si>
  <si>
    <t xml:space="preserve">Trey </t>
  </si>
  <si>
    <t>Quiller</t>
  </si>
  <si>
    <t>Haynes</t>
  </si>
  <si>
    <t>Davenport</t>
  </si>
  <si>
    <t>Bradey</t>
  </si>
  <si>
    <t>DeRose</t>
  </si>
  <si>
    <t>William</t>
  </si>
  <si>
    <t>Krall</t>
  </si>
  <si>
    <t>Leach</t>
  </si>
  <si>
    <t>Medina</t>
  </si>
  <si>
    <t>Ian</t>
  </si>
  <si>
    <t>Milligan</t>
  </si>
  <si>
    <t>Norton</t>
  </si>
  <si>
    <t>Novak</t>
  </si>
  <si>
    <t>Merino High School</t>
  </si>
  <si>
    <t>Cindy</t>
  </si>
  <si>
    <t>Monte Vista High School</t>
  </si>
  <si>
    <t>Cordero</t>
  </si>
  <si>
    <t>Meek</t>
  </si>
  <si>
    <t>Pritchett High School</t>
  </si>
  <si>
    <t>Pomeroy</t>
  </si>
  <si>
    <t>Scotty</t>
  </si>
  <si>
    <t>Shahid</t>
  </si>
  <si>
    <t>Hauer</t>
  </si>
  <si>
    <t>Chesterman</t>
  </si>
  <si>
    <t>Bennett High School</t>
  </si>
  <si>
    <t>Kershman</t>
  </si>
  <si>
    <t xml:space="preserve">Nick </t>
  </si>
  <si>
    <t>Palisade High School</t>
  </si>
  <si>
    <t>Spencer</t>
  </si>
  <si>
    <t>Central High School</t>
  </si>
  <si>
    <t>Brush High School</t>
  </si>
  <si>
    <t>Lucas</t>
  </si>
  <si>
    <t>Weldon Valley High School</t>
  </si>
  <si>
    <t>Hi-Plains</t>
  </si>
  <si>
    <t>Rueb</t>
  </si>
  <si>
    <t>McCracken</t>
  </si>
  <si>
    <t>Geoffrey</t>
  </si>
  <si>
    <t>Obermeyer</t>
  </si>
  <si>
    <t>Susanna</t>
  </si>
  <si>
    <t>Wang</t>
  </si>
  <si>
    <t>Nate</t>
  </si>
  <si>
    <t>Bade</t>
  </si>
  <si>
    <t>Huff</t>
  </si>
  <si>
    <t>Chilson</t>
  </si>
  <si>
    <t>BUSINESS PRESENTATION - FINALS</t>
  </si>
  <si>
    <t>Contini/Forward/
Pennington</t>
  </si>
  <si>
    <t>Chris/Kenneth/
Connor</t>
  </si>
  <si>
    <t>Hirokawa/James/
Schamber</t>
  </si>
  <si>
    <t>COMMUNITY SERVICE - FINALS</t>
  </si>
  <si>
    <t>Bashovska/Bowers/
Thompson</t>
  </si>
  <si>
    <t>CLIENT SERVICE - FINALS</t>
  </si>
  <si>
    <t>DIGITAL VIDEO - FINALS</t>
  </si>
  <si>
    <t>Alyona/Taylor/
Bronson</t>
  </si>
  <si>
    <t>Facchinello/Gentry/
Koester</t>
  </si>
  <si>
    <t>Roosevelt High School</t>
  </si>
  <si>
    <t>Creede Jr./Sr. High School</t>
  </si>
  <si>
    <t>Fleming High School</t>
  </si>
  <si>
    <t>Fletcher</t>
  </si>
  <si>
    <t>Gorman</t>
  </si>
  <si>
    <t>Hull</t>
  </si>
  <si>
    <t>Pueblo East High School</t>
  </si>
  <si>
    <t>Carolina</t>
  </si>
  <si>
    <t>Ireland</t>
  </si>
  <si>
    <t>Lu</t>
  </si>
  <si>
    <t>Frye</t>
  </si>
  <si>
    <t>Carolyn</t>
  </si>
  <si>
    <t>Stratton High School</t>
  </si>
  <si>
    <t>Tessa/Jessica/Kallie</t>
  </si>
  <si>
    <t>Joseph/Crystal</t>
  </si>
  <si>
    <t>Pacheco/Rodabaugh</t>
  </si>
  <si>
    <t>Conklin/Kipp/Kuehn</t>
  </si>
  <si>
    <t>Megan/Elise</t>
  </si>
  <si>
    <t>Colglazier/Nelson</t>
  </si>
  <si>
    <t>Scott/Dillon/Haley</t>
  </si>
  <si>
    <t>Christine/Leslie</t>
  </si>
  <si>
    <t>Castor/Sauer</t>
  </si>
  <si>
    <t>Cammaron/Stevie</t>
  </si>
  <si>
    <t>Butcher/Reiman</t>
  </si>
  <si>
    <t>Erin/Kara/Lindsay</t>
  </si>
  <si>
    <t>Holly/Kaylee</t>
  </si>
  <si>
    <t>Norman/Yakel</t>
  </si>
  <si>
    <t>Jordan/Charlotte</t>
  </si>
  <si>
    <t>Barnett/Miller</t>
  </si>
  <si>
    <t>Sydney/Chasity/Kimberly</t>
  </si>
  <si>
    <t>Nelson/Pelle/Pena</t>
  </si>
  <si>
    <t>Peyton High School</t>
  </si>
  <si>
    <t>Antonito High School</t>
  </si>
  <si>
    <t>Ballard</t>
  </si>
  <si>
    <t>Andreas</t>
  </si>
  <si>
    <t>Hartfiel</t>
  </si>
  <si>
    <t>Wesley</t>
  </si>
  <si>
    <t>Marino</t>
  </si>
  <si>
    <t>Pueblo County High School</t>
  </si>
  <si>
    <t>Robinson</t>
  </si>
  <si>
    <t>Denver West High School</t>
  </si>
  <si>
    <t>Sandoval</t>
  </si>
  <si>
    <t>Ruben</t>
  </si>
  <si>
    <t>Thomas B Doherty High School</t>
  </si>
  <si>
    <t>Nakayama</t>
  </si>
  <si>
    <t>Josie</t>
  </si>
  <si>
    <t>Kline</t>
  </si>
  <si>
    <t>White</t>
  </si>
  <si>
    <t>Spaur</t>
  </si>
  <si>
    <t>Strasburg High School</t>
  </si>
  <si>
    <t>Furstenau</t>
  </si>
  <si>
    <t>Humiston</t>
  </si>
  <si>
    <t>Grand Junction High School</t>
  </si>
  <si>
    <t>Melanie</t>
  </si>
  <si>
    <t>Carrie</t>
  </si>
  <si>
    <t>Maier</t>
  </si>
  <si>
    <t>Burlington High School</t>
  </si>
  <si>
    <t>Schlichenmayer</t>
  </si>
  <si>
    <t>County</t>
  </si>
  <si>
    <t>Fort Lupton High School</t>
  </si>
  <si>
    <t>Big Sandy High School</t>
  </si>
  <si>
    <t>Hayden High School</t>
  </si>
  <si>
    <t xml:space="preserve">Janna </t>
  </si>
  <si>
    <t>Hoza</t>
  </si>
  <si>
    <t>Caroline</t>
  </si>
  <si>
    <t>Teresa</t>
  </si>
  <si>
    <t>Krogmeier</t>
  </si>
  <si>
    <t>Rangely High School</t>
  </si>
  <si>
    <t>Hogan</t>
  </si>
  <si>
    <t>Elisa</t>
  </si>
  <si>
    <t>Sagehorn</t>
  </si>
  <si>
    <t>Calhan High School</t>
  </si>
  <si>
    <t>Brianne</t>
  </si>
  <si>
    <t>Dayley</t>
  </si>
  <si>
    <t>Alina</t>
  </si>
  <si>
    <t>Rata</t>
  </si>
  <si>
    <t>Falcon High School</t>
  </si>
  <si>
    <t>MacDonald</t>
  </si>
  <si>
    <t>Eaglecrest High School</t>
  </si>
  <si>
    <t>Serbin</t>
  </si>
  <si>
    <t>Chernyak</t>
  </si>
  <si>
    <t>Meeker High School</t>
  </si>
  <si>
    <t>George Washington High School</t>
  </si>
  <si>
    <t>Dereishia</t>
  </si>
  <si>
    <t>Elizabeth High School</t>
  </si>
  <si>
    <t>Elliot</t>
  </si>
  <si>
    <t>McDaniel</t>
  </si>
  <si>
    <t>Aurora Gateway High School</t>
  </si>
  <si>
    <t>Shane</t>
  </si>
  <si>
    <t>Armour</t>
  </si>
  <si>
    <t>Centauri High School</t>
  </si>
  <si>
    <t>Garoutte</t>
  </si>
  <si>
    <t>Terisa</t>
  </si>
  <si>
    <t>Mitson-Salazar</t>
  </si>
  <si>
    <t>Jack</t>
  </si>
  <si>
    <t>Pine Creek High School</t>
  </si>
  <si>
    <t>Joe</t>
  </si>
  <si>
    <t>Zhang</t>
  </si>
  <si>
    <t>Woodland Park High School</t>
  </si>
  <si>
    <t>Lucy</t>
  </si>
  <si>
    <t>Chatfield Senior High School</t>
  </si>
  <si>
    <t>Roeger</t>
  </si>
  <si>
    <t>Kroha</t>
  </si>
  <si>
    <t>Legacy High School</t>
  </si>
  <si>
    <t>Guarino</t>
  </si>
  <si>
    <t>Greeley West High School</t>
  </si>
  <si>
    <t>Hornback</t>
  </si>
  <si>
    <t>Chapparal High School</t>
  </si>
  <si>
    <t>Boulder Valley Voc Tech School</t>
  </si>
  <si>
    <t>Durango High School</t>
  </si>
  <si>
    <t>Cy</t>
  </si>
  <si>
    <t>Fountain-Fort Carson High School</t>
  </si>
  <si>
    <t>Smoky Hill High School</t>
  </si>
  <si>
    <t>Battle Mountain High School</t>
  </si>
  <si>
    <t>Ermel</t>
  </si>
  <si>
    <t>Darin/Drake</t>
  </si>
  <si>
    <t>Sisneros/Sisneros</t>
  </si>
  <si>
    <t>Daniel/Justin/Aaron</t>
  </si>
  <si>
    <t>Huss/Jones/Stieb</t>
  </si>
  <si>
    <t>Kevin/Sean/Stuart</t>
  </si>
  <si>
    <t>Allie/Nichole/Sara</t>
  </si>
  <si>
    <t>Freismuth/Kaska/Kuta</t>
  </si>
  <si>
    <t>Jaimie/Buster/Michael</t>
  </si>
  <si>
    <t>Abert/Darnell/Estrada</t>
  </si>
  <si>
    <t>Cole/Matt</t>
  </si>
  <si>
    <t>Christensen/Torres</t>
  </si>
  <si>
    <t>Dane/Drew/Naate</t>
  </si>
  <si>
    <t>Kelsey/Cayleen</t>
  </si>
  <si>
    <t>Larsen/McElroy</t>
  </si>
  <si>
    <t>Hannah/Marissa</t>
  </si>
  <si>
    <t>Bunting/Headley</t>
  </si>
  <si>
    <t>Hi-Plains High School</t>
  </si>
  <si>
    <t>TECHNOLOGY CONCEPTS</t>
  </si>
  <si>
    <t>MARKETING</t>
  </si>
  <si>
    <t>BUSINESS PROCEDURES</t>
  </si>
  <si>
    <t>Kenrad/Bri/Kristen</t>
  </si>
  <si>
    <t>Bay/Beebe/Rains</t>
  </si>
  <si>
    <t>Derek/Philip/Kevin</t>
  </si>
  <si>
    <t>Meagan/Mackenzi</t>
  </si>
  <si>
    <t>Krammer/Nickel</t>
  </si>
  <si>
    <t>Richelle/Amber/Sarah</t>
  </si>
  <si>
    <t>Fritzler/Ladd/Owens</t>
  </si>
  <si>
    <t>Austin/Desiree</t>
  </si>
  <si>
    <t>Hill/Holland</t>
  </si>
  <si>
    <t>Jared/Gage/Cyndi</t>
  </si>
  <si>
    <t>Sean/Nicky/Johnny</t>
  </si>
  <si>
    <t>MacIndoe/Reid/Stewart</t>
  </si>
  <si>
    <t>Sara/Bobby/Heather</t>
  </si>
  <si>
    <t>Heizer/Schlagel/Spaur</t>
  </si>
  <si>
    <t>Daryl/Grant</t>
  </si>
  <si>
    <t>Kear/Slinger</t>
  </si>
  <si>
    <t>Katie/Patricia</t>
  </si>
  <si>
    <t>Loob/Sanger</t>
  </si>
  <si>
    <t>Chelsea/Josh</t>
  </si>
  <si>
    <t>Shettler/Shettler</t>
  </si>
  <si>
    <t>Alyssa/Kaitlin</t>
  </si>
  <si>
    <t>Fetzer/Hansberry</t>
  </si>
  <si>
    <t>Aimee/Geoff/Kirsten</t>
  </si>
  <si>
    <t>Abel/Abel/Nelson</t>
  </si>
  <si>
    <t>Atkins/Hamilton/Taylor</t>
  </si>
  <si>
    <t>Emily/Taylor/Shaye</t>
  </si>
  <si>
    <t>Kelsi/Kyle</t>
  </si>
  <si>
    <t>Waite/Wallace</t>
  </si>
  <si>
    <t>Doug/Jeff</t>
  </si>
  <si>
    <t>Carper/Hawthorn</t>
  </si>
  <si>
    <t>Lee/Jordan</t>
  </si>
  <si>
    <t>Davis/Kurtz</t>
  </si>
  <si>
    <t>Chelsea/Jaden/Sara</t>
  </si>
  <si>
    <t>Mike/David</t>
  </si>
  <si>
    <t>Bechina/Purfield</t>
  </si>
  <si>
    <t>Diener/Harmer/Miller</t>
  </si>
  <si>
    <t>Jessica/Jonathon</t>
  </si>
  <si>
    <t>Morgan/Morgan</t>
  </si>
  <si>
    <t>McKenzie/Amanda</t>
  </si>
  <si>
    <t>Carlson/Holloway</t>
  </si>
  <si>
    <t>Steven/Raychel/Cade</t>
  </si>
  <si>
    <t>Doss/Hirsh/Schacher</t>
  </si>
  <si>
    <t>Max/Tanner</t>
  </si>
  <si>
    <t>Deitchler/Eberhart</t>
  </si>
  <si>
    <t>Joelle/Josh</t>
  </si>
  <si>
    <t>Gibbs/Gibbs</t>
  </si>
  <si>
    <t>Gwen/Kathryn</t>
  </si>
  <si>
    <t>Gage/Hasley</t>
  </si>
  <si>
    <t>Shayna/Katie</t>
  </si>
  <si>
    <t>Bachman/Griffin</t>
  </si>
  <si>
    <t>Chace/Ozzy/Kaleb</t>
  </si>
  <si>
    <t>Carber/Amen/Kurtzer</t>
  </si>
  <si>
    <t>Craig/Vincent/Shea</t>
  </si>
  <si>
    <t>Justin/Zeph/Katie</t>
  </si>
  <si>
    <t>Jenkins/Mauro/Swift</t>
  </si>
  <si>
    <t>Londee/Ashley</t>
  </si>
  <si>
    <t>Haines/Ridder</t>
  </si>
  <si>
    <t>Heath/Ashley</t>
  </si>
  <si>
    <t>Bell/Shepperd</t>
  </si>
  <si>
    <t>Kendra/Stephanie</t>
  </si>
  <si>
    <t>Gerk/Pierson</t>
  </si>
  <si>
    <t>Danielle/Whitney</t>
  </si>
  <si>
    <t>Conklin/Kipp</t>
  </si>
  <si>
    <t>Dakota/Samantha</t>
  </si>
  <si>
    <t>Mason/Willhoite</t>
  </si>
  <si>
    <t>Kristin/Rachel</t>
  </si>
  <si>
    <t>Stefanatz/Wilson</t>
  </si>
  <si>
    <t>Brittani/Casey</t>
  </si>
  <si>
    <t>Behunin/Groven</t>
  </si>
  <si>
    <t>Danielle/Michaela</t>
  </si>
  <si>
    <t>Dudley/Rastrelli</t>
  </si>
  <si>
    <t>Wade/Meghan</t>
  </si>
  <si>
    <t>Corliss/Pepper</t>
  </si>
  <si>
    <t>Jake/Brett</t>
  </si>
  <si>
    <t>Gallegos/Holligan</t>
  </si>
  <si>
    <t>Blasi/Cure/Pralle</t>
  </si>
  <si>
    <t>Austin/Spencer/Dylan</t>
  </si>
  <si>
    <t>Dmitrik/Imber/Wilborn</t>
  </si>
  <si>
    <t>Katie/Anna/Kelsey</t>
  </si>
  <si>
    <t>Jimmy/Stian</t>
  </si>
  <si>
    <t>Sengenberger/Storgaard</t>
  </si>
  <si>
    <t>Zane/Johnny/Abbie</t>
  </si>
  <si>
    <t>Lerew/Pieper/Rodriquez</t>
  </si>
  <si>
    <t>James/Stefan</t>
  </si>
  <si>
    <t>Crawford/Ortega</t>
  </si>
  <si>
    <t>Emily/Jackson</t>
  </si>
  <si>
    <t>Greer/Walsh</t>
  </si>
  <si>
    <t>Gray/Pollard/Roberts</t>
  </si>
  <si>
    <t>Zach/Levi/Natalie</t>
  </si>
  <si>
    <t>Brandon/Tinh</t>
  </si>
  <si>
    <t>Gallegos/Vo</t>
  </si>
  <si>
    <t>Zoe/Adrian</t>
  </si>
  <si>
    <t>Clark/Serna</t>
  </si>
  <si>
    <t>Chandler/Hannah</t>
  </si>
  <si>
    <t>Davis/Price</t>
  </si>
  <si>
    <t>Kylie/Lyndsey</t>
  </si>
  <si>
    <t>Hayes/Schaefer</t>
  </si>
  <si>
    <t>Joshua/Zachary</t>
  </si>
  <si>
    <t>Smith/Young</t>
  </si>
  <si>
    <t>Brittany/Megan/Marcy</t>
  </si>
  <si>
    <t>Ginny/Brooke</t>
  </si>
  <si>
    <t>Parham/Tiley</t>
  </si>
  <si>
    <t>Garrett/Rachel</t>
  </si>
  <si>
    <t>Danielson/Valencich</t>
  </si>
  <si>
    <t>Danielle/Marta</t>
  </si>
  <si>
    <t>Gleason/Roberson</t>
  </si>
  <si>
    <t>JP/Kegan/Sean</t>
  </si>
  <si>
    <t>Christopher/Kevin</t>
  </si>
  <si>
    <t>Corey/Li</t>
  </si>
  <si>
    <t>Forrest/Devon/Caynen</t>
  </si>
  <si>
    <t>Katzer/Widick/Wills</t>
  </si>
  <si>
    <t>Jonny/Robert/Eric</t>
  </si>
  <si>
    <t>Demos/Felberg/Green</t>
  </si>
  <si>
    <t>Megan/Jose</t>
  </si>
  <si>
    <t>Lowe/Moreno</t>
  </si>
  <si>
    <t>Terran/Corey</t>
  </si>
  <si>
    <t>Hause/McCammon</t>
  </si>
  <si>
    <t>Brett/Rico/Lucas</t>
  </si>
  <si>
    <t>Taylor/Dakota</t>
  </si>
  <si>
    <t>Arenson/Mivshek</t>
  </si>
  <si>
    <t>Dylan/Sam/Jeff</t>
  </si>
  <si>
    <t>Griggs/Tucker/Wrona</t>
  </si>
  <si>
    <t>Ryan/Ashley</t>
  </si>
  <si>
    <t>Encinias/Grady</t>
  </si>
  <si>
    <t>Andrew/Jacob</t>
  </si>
  <si>
    <t>Accountius/McKusker</t>
  </si>
  <si>
    <t>Quwaun/Alex/Tanner</t>
  </si>
  <si>
    <t>Carrillo/Ertle/Gareis</t>
  </si>
  <si>
    <t>Nathan/Ramon</t>
  </si>
  <si>
    <t>Headley/Ortega</t>
  </si>
  <si>
    <t>Brandon/Emma/Kayla</t>
  </si>
  <si>
    <t>Ohr/Thoma/Thoma</t>
  </si>
  <si>
    <t>Daniel/Andrew</t>
  </si>
  <si>
    <t>Curtis/Morgan</t>
  </si>
  <si>
    <t>Kaleigh/Cassidy/Hana</t>
  </si>
  <si>
    <t>Riya/Stevan</t>
  </si>
  <si>
    <t>Muchom/Perovic</t>
  </si>
  <si>
    <t>Cummins/Floodeen/Most</t>
  </si>
  <si>
    <t>Cameron/Jake</t>
  </si>
  <si>
    <t>Glasscock/Nielslanik</t>
  </si>
  <si>
    <t>Raj/Michael/Ethan</t>
  </si>
  <si>
    <t>Ghuman/Wang/Zhao</t>
  </si>
  <si>
    <t>Ariane/Steven</t>
  </si>
  <si>
    <t>Beard/Mares</t>
  </si>
  <si>
    <t>Buchholz/Church/Rhodes</t>
  </si>
  <si>
    <t>Jonessa/Josh</t>
  </si>
  <si>
    <t>Gallegos/Harris</t>
  </si>
  <si>
    <t>Jade/Dana/Jordan</t>
  </si>
  <si>
    <t>Juneau/Kimpton/Kiszla</t>
  </si>
  <si>
    <t>Jordan/Dennis/Graham</t>
  </si>
  <si>
    <t>Hill/Naglowsky/Yearling</t>
  </si>
  <si>
    <t>Ryan/Jose</t>
  </si>
  <si>
    <t>Finnegan/Gurule</t>
  </si>
  <si>
    <t>Kendall/Jacque/Stefan</t>
  </si>
  <si>
    <t>Meghan/Leah/Elisa</t>
  </si>
  <si>
    <t>Ammon/Novak/Samaniego</t>
  </si>
  <si>
    <t>Carlin/Quinn</t>
  </si>
  <si>
    <t>Daggett/Wix</t>
  </si>
  <si>
    <t>Zach/Ethan/Bryan</t>
  </si>
  <si>
    <t>Baker/Kurtzer/Wisdom</t>
  </si>
  <si>
    <t>Nick/Aaron</t>
  </si>
  <si>
    <t>Paetsch/Smith</t>
  </si>
  <si>
    <t>Jared/Jacob/Vanessa</t>
  </si>
  <si>
    <t>Shawnie/Sam</t>
  </si>
  <si>
    <t>Gerloff/Love</t>
  </si>
  <si>
    <t>Danielle/Hillary/Patrick</t>
  </si>
  <si>
    <t>Custer/Dwyer/Halde</t>
  </si>
  <si>
    <t>Evan/Ty</t>
  </si>
  <si>
    <t>Albrandt/Lebsock</t>
  </si>
  <si>
    <t>Eric/Shazad</t>
  </si>
  <si>
    <t>Contini/Sahak</t>
  </si>
  <si>
    <t>Mathieu/Gregory/Zach</t>
  </si>
  <si>
    <t>Gavin/Robby</t>
  </si>
  <si>
    <t>Monarch</t>
  </si>
  <si>
    <t>Patrick/Brad</t>
  </si>
  <si>
    <t>Mulcar/Stachurski</t>
  </si>
  <si>
    <t>Metzger/Weed</t>
  </si>
  <si>
    <t>Brent/Jace/Jordan</t>
  </si>
  <si>
    <t>Avila/Rhodes/Suter</t>
  </si>
  <si>
    <t>Tyler/Ethan/Kyle</t>
  </si>
  <si>
    <t>Dell/Miner/Stroud</t>
  </si>
  <si>
    <t>Tomaso/Tianyi</t>
  </si>
  <si>
    <t>DeNiro/Lu</t>
  </si>
  <si>
    <t>Brent/Lance/Tyler</t>
  </si>
  <si>
    <t>Butler/Martinez/Rue</t>
  </si>
  <si>
    <t>Justin/Marley</t>
  </si>
  <si>
    <t>McMillan/Schafer</t>
  </si>
  <si>
    <t>David/Tyler</t>
  </si>
  <si>
    <t>Ehrlich/Garcia</t>
  </si>
  <si>
    <t>Kyle/Rye/Anton</t>
  </si>
  <si>
    <t>Fritzler/Knowles/Ryskin</t>
  </si>
  <si>
    <t>Keller/Tapia/Turner</t>
  </si>
  <si>
    <t>Jacob/Brock/Dylan</t>
  </si>
  <si>
    <t>Lockhart/Miller/Pepper</t>
  </si>
  <si>
    <t>Chris/Adam</t>
  </si>
  <si>
    <t>Becker/Dziedzic</t>
  </si>
  <si>
    <t>Edelman/Holloway/Kiel</t>
  </si>
  <si>
    <t>Chase/Colt/Cody</t>
  </si>
  <si>
    <t>Baker/Baker/Jones</t>
  </si>
  <si>
    <t>Charles/Ryan</t>
  </si>
  <si>
    <t>Gladitsch/Walker</t>
  </si>
  <si>
    <t>Ashley/Jenna</t>
  </si>
  <si>
    <t>Atkin/Vandenbark</t>
  </si>
  <si>
    <t>Whitney/Melissa</t>
  </si>
  <si>
    <t>McCaffrey/Minasi</t>
  </si>
  <si>
    <t>Jessica/Logan</t>
  </si>
  <si>
    <t>Mullins/Sanderson</t>
  </si>
  <si>
    <t>Micahel/Robert</t>
  </si>
  <si>
    <t>Miller/Stephens</t>
  </si>
  <si>
    <t>Danny/Kyle/Grant</t>
  </si>
  <si>
    <t>Faith/Ashli</t>
  </si>
  <si>
    <t>Daniels/Kemp</t>
  </si>
  <si>
    <t>Byers High School</t>
  </si>
  <si>
    <t>Schmitt</t>
  </si>
  <si>
    <t>Rino</t>
  </si>
  <si>
    <t>Shelly</t>
  </si>
  <si>
    <t>Sutherland</t>
  </si>
  <si>
    <t>Skyline High School</t>
  </si>
  <si>
    <t>Snider</t>
  </si>
  <si>
    <t>ThunderRidge High School</t>
  </si>
  <si>
    <t>Dolquist</t>
  </si>
  <si>
    <t>Arapahoe High School</t>
  </si>
  <si>
    <t>Rick</t>
  </si>
  <si>
    <t>Maestas</t>
  </si>
  <si>
    <t>Bryon</t>
  </si>
  <si>
    <t>Wells</t>
  </si>
  <si>
    <t>Campagnola</t>
  </si>
  <si>
    <t>Wyman</t>
  </si>
  <si>
    <t>Rogl</t>
  </si>
  <si>
    <t>Monarch High School</t>
  </si>
  <si>
    <t>Pham</t>
  </si>
  <si>
    <t>Zoglo</t>
  </si>
  <si>
    <t>Aberle</t>
  </si>
  <si>
    <t>Mead</t>
  </si>
  <si>
    <t>Baum</t>
  </si>
  <si>
    <t xml:space="preserve">Eric </t>
  </si>
  <si>
    <t>Horacek</t>
  </si>
  <si>
    <t>Cherokee Trail High School</t>
  </si>
  <si>
    <t>Keola</t>
  </si>
  <si>
    <t>Apio</t>
  </si>
  <si>
    <t>Duncan</t>
  </si>
  <si>
    <t>Darrel</t>
  </si>
  <si>
    <t>INTRODUCTION TO BUSINESS COMMUNICATION - FINALS</t>
  </si>
  <si>
    <t>Hein</t>
  </si>
  <si>
    <t>FBLA PRINCIPLES &amp; PROCEDURES - FINALS</t>
  </si>
  <si>
    <t>INTRODUCTION TO BUSINESS - FINALS</t>
  </si>
  <si>
    <t>WORDPROCESSING II - FINALS</t>
  </si>
  <si>
    <t>CYBER SECURITY - FINALS</t>
  </si>
  <si>
    <t>SPREADSHEET APPLICATIONS - FINALS</t>
  </si>
  <si>
    <t>Hwang</t>
  </si>
  <si>
    <t>INTRODUCTION TO PARLIAMENTARY PROCEDURE - FINALS</t>
  </si>
  <si>
    <t>NETWORKING CONCEPTS - FINALS</t>
  </si>
  <si>
    <t>INTRODUCTION TO TECHNOLOGY CONCEPTS - FINALS</t>
  </si>
  <si>
    <t>ECONOMICS - FINALS</t>
  </si>
  <si>
    <t>COMPUTER PROBLEM SOLVING - FINALS</t>
  </si>
  <si>
    <t>PERSONAL FINANCE - FINALS</t>
  </si>
  <si>
    <t>JOB INTERVIEW - FINALS</t>
  </si>
  <si>
    <t>MANAGEMENT INFORMATION SYSTEMS - FINALS</t>
  </si>
  <si>
    <t>Cerankowski/Fillis/
Gonzales</t>
  </si>
  <si>
    <t>Suer</t>
  </si>
  <si>
    <t>Liberty High School</t>
  </si>
  <si>
    <t xml:space="preserve">Adam </t>
  </si>
  <si>
    <t>Krutzler</t>
  </si>
  <si>
    <t>Shilo</t>
  </si>
  <si>
    <t>McDermott</t>
  </si>
  <si>
    <t>Emerick</t>
  </si>
  <si>
    <t>Ervin</t>
  </si>
  <si>
    <t>Espinoza</t>
  </si>
  <si>
    <t xml:space="preserve">Thomas </t>
  </si>
  <si>
    <t>Leurck</t>
  </si>
  <si>
    <t>Theo</t>
  </si>
  <si>
    <t>Scholnick</t>
  </si>
  <si>
    <t>Denver South High School</t>
  </si>
  <si>
    <t>Scruggs</t>
  </si>
  <si>
    <t>Ponderosa High School</t>
  </si>
  <si>
    <t>Catherine</t>
  </si>
  <si>
    <t>Cofer</t>
  </si>
  <si>
    <t>Ackerman</t>
  </si>
  <si>
    <t>Beckel</t>
  </si>
  <si>
    <t>Benedict</t>
  </si>
  <si>
    <t>Kalinger</t>
  </si>
  <si>
    <t>Karen</t>
  </si>
  <si>
    <t>deVera</t>
  </si>
  <si>
    <t>Fossil Ridge High School</t>
  </si>
  <si>
    <t>Foran</t>
  </si>
  <si>
    <t>Krizanovic</t>
  </si>
  <si>
    <t>Overholt</t>
  </si>
  <si>
    <t>Maddie</t>
  </si>
  <si>
    <t>McGuinty</t>
  </si>
  <si>
    <t>Career Development Center</t>
  </si>
  <si>
    <t>Britt</t>
  </si>
  <si>
    <t>Kristian</t>
  </si>
  <si>
    <t>Diankov</t>
  </si>
  <si>
    <t>Centaurus High School</t>
  </si>
  <si>
    <t xml:space="preserve">Becca </t>
  </si>
  <si>
    <t>Balsley</t>
  </si>
  <si>
    <t>Mountain Vista High School</t>
  </si>
  <si>
    <t>Coryell</t>
  </si>
  <si>
    <t>Shin</t>
  </si>
  <si>
    <t>Rocky Mountain High School</t>
  </si>
  <si>
    <t>Pelc</t>
  </si>
  <si>
    <t>Tatyana</t>
  </si>
  <si>
    <t>Astafiev</t>
  </si>
  <si>
    <t>Reyas</t>
  </si>
  <si>
    <t>Priya</t>
  </si>
  <si>
    <t>Chacko</t>
  </si>
  <si>
    <t>Eagle Valley High School</t>
  </si>
  <si>
    <t xml:space="preserve">Kelsey </t>
  </si>
  <si>
    <t>Elwood</t>
  </si>
  <si>
    <t>Rebeckah</t>
  </si>
  <si>
    <t>Stough</t>
  </si>
  <si>
    <t>Rock Canyon High School</t>
  </si>
  <si>
    <t>Brewer</t>
  </si>
  <si>
    <t>Welden</t>
  </si>
  <si>
    <t>Douglas County High School</t>
  </si>
  <si>
    <t>Sanjana</t>
  </si>
  <si>
    <t>Ahsan</t>
  </si>
  <si>
    <t>Albert</t>
  </si>
  <si>
    <t>Mathews</t>
  </si>
  <si>
    <t>Perry</t>
  </si>
  <si>
    <t>Grandview High School</t>
  </si>
  <si>
    <t>Del Norte High School</t>
  </si>
  <si>
    <t>Nagaki</t>
  </si>
  <si>
    <t>Anacker</t>
  </si>
  <si>
    <t>Kunz</t>
  </si>
  <si>
    <t>Yogitha</t>
  </si>
  <si>
    <t>Pazhani</t>
  </si>
  <si>
    <t>Overland High School</t>
  </si>
  <si>
    <t>Dunstan</t>
  </si>
  <si>
    <t>Jung</t>
  </si>
  <si>
    <t>Ng</t>
  </si>
  <si>
    <t>Myhre</t>
  </si>
  <si>
    <t>BRITTANY</t>
  </si>
  <si>
    <t>DUNCAN</t>
  </si>
  <si>
    <t>Cherry Creek High School</t>
  </si>
  <si>
    <t>Garrick</t>
  </si>
  <si>
    <t>Talmage</t>
  </si>
  <si>
    <t>Trusov</t>
  </si>
  <si>
    <t xml:space="preserve">Ari </t>
  </si>
  <si>
    <t>Bloom</t>
  </si>
  <si>
    <t>Biagotti</t>
  </si>
  <si>
    <t>Englewood High School</t>
  </si>
  <si>
    <t>Jorge</t>
  </si>
  <si>
    <t>Littleton Senior High School</t>
  </si>
  <si>
    <t>Calhoun</t>
  </si>
  <si>
    <t>School</t>
  </si>
  <si>
    <t>District</t>
  </si>
  <si>
    <t>FirstName</t>
  </si>
  <si>
    <t>LastName</t>
  </si>
  <si>
    <t>District 1</t>
  </si>
  <si>
    <t>Liberty High School - Joes</t>
  </si>
  <si>
    <t>District 3</t>
  </si>
  <si>
    <t>Jame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4" x14ac:knownFonts="1">
    <font>
      <sz val="10"/>
      <name val="Arial"/>
    </font>
    <font>
      <sz val="10"/>
      <color indexed="8"/>
      <name val="Arial"/>
      <family val="2"/>
    </font>
    <font>
      <sz val="10"/>
      <color indexed="9"/>
      <name val="Arial"/>
      <family val="2"/>
    </font>
    <font>
      <sz val="10"/>
      <color indexed="20"/>
      <name val="Arial"/>
      <family val="2"/>
    </font>
    <font>
      <b/>
      <sz val="10"/>
      <color indexed="52"/>
      <name val="Arial"/>
      <family val="2"/>
    </font>
    <font>
      <b/>
      <sz val="10"/>
      <color indexed="9"/>
      <name val="Arial"/>
      <family val="2"/>
    </font>
    <font>
      <i/>
      <sz val="10"/>
      <color indexed="23"/>
      <name val="Arial"/>
      <family val="2"/>
    </font>
    <font>
      <sz val="10"/>
      <color indexed="17"/>
      <name val="Arial"/>
      <family val="2"/>
    </font>
    <font>
      <b/>
      <sz val="15"/>
      <color indexed="56"/>
      <name val="Arial"/>
      <family val="2"/>
    </font>
    <font>
      <b/>
      <sz val="13"/>
      <color indexed="56"/>
      <name val="Arial"/>
      <family val="2"/>
    </font>
    <font>
      <b/>
      <sz val="11"/>
      <color indexed="56"/>
      <name val="Arial"/>
      <family val="2"/>
    </font>
    <font>
      <sz val="10"/>
      <color indexed="62"/>
      <name val="Arial"/>
      <family val="2"/>
    </font>
    <font>
      <sz val="10"/>
      <color indexed="52"/>
      <name val="Arial"/>
      <family val="2"/>
    </font>
    <font>
      <sz val="10"/>
      <color indexed="60"/>
      <name val="Arial"/>
      <family val="2"/>
    </font>
    <font>
      <b/>
      <sz val="10"/>
      <color indexed="63"/>
      <name val="Arial"/>
      <family val="2"/>
    </font>
    <font>
      <b/>
      <sz val="18"/>
      <color indexed="56"/>
      <name val="Cambria"/>
      <family val="2"/>
    </font>
    <font>
      <b/>
      <sz val="10"/>
      <color indexed="8"/>
      <name val="Arial"/>
      <family val="2"/>
    </font>
    <font>
      <sz val="10"/>
      <color indexed="10"/>
      <name val="Arial"/>
      <family val="2"/>
    </font>
    <font>
      <sz val="11"/>
      <color indexed="8"/>
      <name val="Calibri"/>
      <family val="2"/>
    </font>
    <font>
      <sz val="8"/>
      <name val="Arial"/>
    </font>
    <font>
      <b/>
      <sz val="11"/>
      <color indexed="8"/>
      <name val="Calibri"/>
      <family val="2"/>
    </font>
    <font>
      <sz val="11"/>
      <name val="Calibri"/>
      <family val="2"/>
    </font>
    <font>
      <sz val="10"/>
      <name val="Arial"/>
      <family val="2"/>
    </font>
    <font>
      <b/>
      <sz val="10"/>
      <name val="Arial"/>
      <family val="2"/>
    </font>
  </fonts>
  <fills count="24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22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</fills>
  <borders count="13">
    <border>
      <left/>
      <right/>
      <top/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/>
      <bottom style="double">
        <color indexed="5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/>
      <bottom/>
      <diagonal/>
    </border>
  </borders>
  <cellStyleXfs count="43">
    <xf numFmtId="0" fontId="0" fillId="0" borderId="0"/>
    <xf numFmtId="0" fontId="1" fillId="2" borderId="0" applyNumberFormat="0" applyBorder="0" applyAlignment="0" applyProtection="0"/>
    <xf numFmtId="0" fontId="1" fillId="3" borderId="0" applyNumberFormat="0" applyBorder="0" applyAlignment="0" applyProtection="0"/>
    <xf numFmtId="0" fontId="1" fillId="4" borderId="0" applyNumberFormat="0" applyBorder="0" applyAlignment="0" applyProtection="0"/>
    <xf numFmtId="0" fontId="1" fillId="5" borderId="0" applyNumberFormat="0" applyBorder="0" applyAlignment="0" applyProtection="0"/>
    <xf numFmtId="0" fontId="1" fillId="6" borderId="0" applyNumberFormat="0" applyBorder="0" applyAlignment="0" applyProtection="0"/>
    <xf numFmtId="0" fontId="1" fillId="7" borderId="0" applyNumberFormat="0" applyBorder="0" applyAlignment="0" applyProtection="0"/>
    <xf numFmtId="0" fontId="1" fillId="8" borderId="0" applyNumberFormat="0" applyBorder="0" applyAlignment="0" applyProtection="0"/>
    <xf numFmtId="0" fontId="1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5" borderId="0" applyNumberFormat="0" applyBorder="0" applyAlignment="0" applyProtection="0"/>
    <xf numFmtId="0" fontId="1" fillId="8" borderId="0" applyNumberFormat="0" applyBorder="0" applyAlignment="0" applyProtection="0"/>
    <xf numFmtId="0" fontId="1" fillId="11" borderId="0" applyNumberFormat="0" applyBorder="0" applyAlignment="0" applyProtection="0"/>
    <xf numFmtId="0" fontId="2" fillId="12" borderId="0" applyNumberFormat="0" applyBorder="0" applyAlignment="0" applyProtection="0"/>
    <xf numFmtId="0" fontId="2" fillId="9" borderId="0" applyNumberFormat="0" applyBorder="0" applyAlignment="0" applyProtection="0"/>
    <xf numFmtId="0" fontId="2" fillId="10" borderId="0" applyNumberFormat="0" applyBorder="0" applyAlignment="0" applyProtection="0"/>
    <xf numFmtId="0" fontId="2" fillId="13" borderId="0" applyNumberFormat="0" applyBorder="0" applyAlignment="0" applyProtection="0"/>
    <xf numFmtId="0" fontId="2" fillId="14" borderId="0" applyNumberFormat="0" applyBorder="0" applyAlignment="0" applyProtection="0"/>
    <xf numFmtId="0" fontId="2" fillId="15" borderId="0" applyNumberFormat="0" applyBorder="0" applyAlignment="0" applyProtection="0"/>
    <xf numFmtId="0" fontId="2" fillId="16" borderId="0" applyNumberFormat="0" applyBorder="0" applyAlignment="0" applyProtection="0"/>
    <xf numFmtId="0" fontId="2" fillId="17" borderId="0" applyNumberFormat="0" applyBorder="0" applyAlignment="0" applyProtection="0"/>
    <xf numFmtId="0" fontId="2" fillId="18" borderId="0" applyNumberFormat="0" applyBorder="0" applyAlignment="0" applyProtection="0"/>
    <xf numFmtId="0" fontId="2" fillId="13" borderId="0" applyNumberFormat="0" applyBorder="0" applyAlignment="0" applyProtection="0"/>
    <xf numFmtId="0" fontId="2" fillId="14" borderId="0" applyNumberFormat="0" applyBorder="0" applyAlignment="0" applyProtection="0"/>
    <xf numFmtId="0" fontId="2" fillId="19" borderId="0" applyNumberFormat="0" applyBorder="0" applyAlignment="0" applyProtection="0"/>
    <xf numFmtId="0" fontId="3" fillId="3" borderId="0" applyNumberFormat="0" applyBorder="0" applyAlignment="0" applyProtection="0"/>
    <xf numFmtId="0" fontId="4" fillId="20" borderId="1" applyNumberFormat="0" applyAlignment="0" applyProtection="0"/>
    <xf numFmtId="0" fontId="5" fillId="21" borderId="2" applyNumberFormat="0" applyAlignment="0" applyProtection="0"/>
    <xf numFmtId="0" fontId="6" fillId="0" borderId="0" applyNumberFormat="0" applyFill="0" applyBorder="0" applyAlignment="0" applyProtection="0"/>
    <xf numFmtId="0" fontId="7" fillId="4" borderId="0" applyNumberFormat="0" applyBorder="0" applyAlignment="0" applyProtection="0"/>
    <xf numFmtId="0" fontId="8" fillId="0" borderId="3" applyNumberFormat="0" applyFill="0" applyAlignment="0" applyProtection="0"/>
    <xf numFmtId="0" fontId="9" fillId="0" borderId="4" applyNumberFormat="0" applyFill="0" applyAlignment="0" applyProtection="0"/>
    <xf numFmtId="0" fontId="10" fillId="0" borderId="5" applyNumberFormat="0" applyFill="0" applyAlignment="0" applyProtection="0"/>
    <xf numFmtId="0" fontId="10" fillId="0" borderId="0" applyNumberFormat="0" applyFill="0" applyBorder="0" applyAlignment="0" applyProtection="0"/>
    <xf numFmtId="0" fontId="11" fillId="7" borderId="1" applyNumberFormat="0" applyAlignment="0" applyProtection="0"/>
    <xf numFmtId="0" fontId="12" fillId="0" borderId="6" applyNumberFormat="0" applyFill="0" applyAlignment="0" applyProtection="0"/>
    <xf numFmtId="0" fontId="13" fillId="22" borderId="0" applyNumberFormat="0" applyBorder="0" applyAlignment="0" applyProtection="0"/>
    <xf numFmtId="0" fontId="1" fillId="0" borderId="0"/>
    <xf numFmtId="0" fontId="1" fillId="23" borderId="7" applyNumberFormat="0" applyFont="0" applyAlignment="0" applyProtection="0"/>
    <xf numFmtId="0" fontId="14" fillId="20" borderId="8" applyNumberForma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0" borderId="0" applyNumberFormat="0" applyFill="0" applyBorder="0" applyAlignment="0" applyProtection="0"/>
  </cellStyleXfs>
  <cellXfs count="23">
    <xf numFmtId="0" fontId="0" fillId="0" borderId="0" xfId="0"/>
    <xf numFmtId="0" fontId="16" fillId="0" borderId="0" xfId="37" applyFont="1"/>
    <xf numFmtId="0" fontId="18" fillId="0" borderId="0" xfId="37" applyFont="1" applyFill="1" applyBorder="1" applyAlignment="1">
      <alignment wrapText="1"/>
    </xf>
    <xf numFmtId="0" fontId="1" fillId="0" borderId="0" xfId="37"/>
    <xf numFmtId="0" fontId="18" fillId="0" borderId="7" xfId="37" applyFont="1" applyFill="1" applyBorder="1" applyAlignment="1">
      <alignment wrapText="1"/>
    </xf>
    <xf numFmtId="0" fontId="20" fillId="0" borderId="7" xfId="37" applyFont="1" applyFill="1" applyBorder="1" applyAlignment="1">
      <alignment wrapText="1"/>
    </xf>
    <xf numFmtId="0" fontId="18" fillId="0" borderId="0" xfId="37" applyFont="1" applyFill="1" applyBorder="1" applyAlignment="1">
      <alignment wrapText="1"/>
    </xf>
    <xf numFmtId="0" fontId="1" fillId="0" borderId="0" xfId="37" applyNumberFormat="1"/>
    <xf numFmtId="0" fontId="21" fillId="0" borderId="7" xfId="37" applyFont="1" applyFill="1" applyBorder="1" applyAlignment="1">
      <alignment wrapText="1"/>
    </xf>
    <xf numFmtId="0" fontId="22" fillId="0" borderId="0" xfId="37" applyNumberFormat="1" applyFont="1"/>
    <xf numFmtId="0" fontId="1" fillId="0" borderId="0" xfId="37" applyNumberFormat="1" applyFill="1" applyBorder="1"/>
    <xf numFmtId="0" fontId="16" fillId="0" borderId="0" xfId="37" applyFont="1" applyBorder="1"/>
    <xf numFmtId="0" fontId="1" fillId="0" borderId="0" xfId="37" applyFill="1"/>
    <xf numFmtId="0" fontId="22" fillId="0" borderId="7" xfId="37" applyFont="1" applyBorder="1"/>
    <xf numFmtId="0" fontId="1" fillId="0" borderId="0" xfId="37" applyFill="1" applyBorder="1"/>
    <xf numFmtId="0" fontId="23" fillId="0" borderId="0" xfId="37" applyFont="1"/>
    <xf numFmtId="0" fontId="1" fillId="0" borderId="10" xfId="37" applyBorder="1"/>
    <xf numFmtId="0" fontId="23" fillId="0" borderId="0" xfId="37" applyFont="1"/>
    <xf numFmtId="0" fontId="20" fillId="0" borderId="0" xfId="37" applyFont="1" applyFill="1" applyBorder="1" applyAlignment="1">
      <alignment horizontal="center"/>
    </xf>
    <xf numFmtId="0" fontId="18" fillId="0" borderId="0" xfId="37" applyFont="1" applyFill="1" applyBorder="1" applyAlignment="1">
      <alignment horizontal="center"/>
    </xf>
    <xf numFmtId="0" fontId="18" fillId="0" borderId="11" xfId="37" applyFont="1" applyFill="1" applyBorder="1" applyAlignment="1">
      <alignment horizontal="center"/>
    </xf>
    <xf numFmtId="0" fontId="18" fillId="0" borderId="12" xfId="37" applyFont="1" applyFill="1" applyBorder="1" applyAlignment="1">
      <alignment horizontal="center"/>
    </xf>
    <xf numFmtId="0" fontId="23" fillId="0" borderId="0" xfId="0" applyFont="1"/>
  </cellXfs>
  <cellStyles count="43">
    <cellStyle name="20% - Accent1" xfId="1" builtinId="30" customBuiltin="1"/>
    <cellStyle name="20% - Accent2" xfId="2" builtinId="34" customBuiltin="1"/>
    <cellStyle name="20% - Accent3" xfId="3" builtinId="38" customBuiltin="1"/>
    <cellStyle name="20% - Accent4" xfId="4" builtinId="42" customBuiltin="1"/>
    <cellStyle name="20% - Accent5" xfId="5" builtinId="46" customBuiltin="1"/>
    <cellStyle name="20% - Accent6" xfId="6" builtinId="50" customBuiltin="1"/>
    <cellStyle name="40% - Accent1" xfId="7" builtinId="31" customBuiltin="1"/>
    <cellStyle name="40% - Accent2" xfId="8" builtinId="35" customBuiltin="1"/>
    <cellStyle name="40% - Accent3" xfId="9" builtinId="39" customBuiltin="1"/>
    <cellStyle name="40% - Accent4" xfId="10" builtinId="43" customBuiltin="1"/>
    <cellStyle name="40% - Accent5" xfId="11" builtinId="47" customBuiltin="1"/>
    <cellStyle name="40% - Accent6" xfId="12" builtinId="51" customBuiltin="1"/>
    <cellStyle name="60% - Accent1" xfId="13" builtinId="32" customBuiltin="1"/>
    <cellStyle name="60% - Accent2" xfId="14" builtinId="36" customBuiltin="1"/>
    <cellStyle name="60% - Accent3" xfId="15" builtinId="40" customBuiltin="1"/>
    <cellStyle name="60% - Accent4" xfId="16" builtinId="44" customBuiltin="1"/>
    <cellStyle name="60% - Accent5" xfId="17" builtinId="48" customBuiltin="1"/>
    <cellStyle name="60% - Accent6" xfId="18" builtinId="52" customBuiltin="1"/>
    <cellStyle name="Accent1" xfId="19" builtinId="29" customBuiltin="1"/>
    <cellStyle name="Accent2" xfId="20" builtinId="33" customBuiltin="1"/>
    <cellStyle name="Accent3" xfId="21" builtinId="37" customBuiltin="1"/>
    <cellStyle name="Accent4" xfId="22" builtinId="41" customBuiltin="1"/>
    <cellStyle name="Accent5" xfId="23" builtinId="45" customBuiltin="1"/>
    <cellStyle name="Accent6" xfId="24" builtinId="49" customBuiltin="1"/>
    <cellStyle name="Bad" xfId="25" builtinId="27" customBuiltin="1"/>
    <cellStyle name="Calculation" xfId="26" builtinId="22" customBuiltin="1"/>
    <cellStyle name="Check Cell" xfId="27" builtinId="23" customBuiltin="1"/>
    <cellStyle name="Explanatory Text" xfId="28" builtinId="53" customBuiltin="1"/>
    <cellStyle name="Good" xfId="29" builtinId="26" customBuiltin="1"/>
    <cellStyle name="Heading 1" xfId="30" builtinId="16" customBuiltin="1"/>
    <cellStyle name="Heading 2" xfId="31" builtinId="17" customBuiltin="1"/>
    <cellStyle name="Heading 3" xfId="32" builtinId="18" customBuiltin="1"/>
    <cellStyle name="Heading 4" xfId="33" builtinId="19" customBuiltin="1"/>
    <cellStyle name="Input" xfId="34" builtinId="20" customBuiltin="1"/>
    <cellStyle name="Linked Cell" xfId="35" builtinId="24" customBuiltin="1"/>
    <cellStyle name="Neutral" xfId="36" builtinId="28" customBuiltin="1"/>
    <cellStyle name="Normal" xfId="0" builtinId="0"/>
    <cellStyle name="Normal_Sheet1" xfId="37" xr:uid="{00000000-0005-0000-0000-000025000000}"/>
    <cellStyle name="Note" xfId="38" builtinId="10" customBuiltin="1"/>
    <cellStyle name="Output" xfId="39" builtinId="21" customBuiltin="1"/>
    <cellStyle name="Title" xfId="40" builtinId="15" customBuiltin="1"/>
    <cellStyle name="Total" xfId="41" builtinId="25" customBuiltin="1"/>
    <cellStyle name="Warning Text" xfId="42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E658"/>
  <sheetViews>
    <sheetView tabSelected="1" workbookViewId="0">
      <selection activeCell="D14" sqref="D14"/>
    </sheetView>
  </sheetViews>
  <sheetFormatPr defaultRowHeight="12.75" x14ac:dyDescent="0.2"/>
  <cols>
    <col min="1" max="1" width="29.7109375" customWidth="1"/>
    <col min="2" max="2" width="14.42578125" customWidth="1"/>
    <col min="3" max="3" width="21.5703125" customWidth="1"/>
    <col min="4" max="4" width="26" customWidth="1"/>
  </cols>
  <sheetData>
    <row r="1" spans="1:5" s="22" customFormat="1" x14ac:dyDescent="0.2">
      <c r="A1" s="22" t="s">
        <v>500</v>
      </c>
    </row>
    <row r="3" spans="1:5" x14ac:dyDescent="0.2">
      <c r="A3" s="1" t="s">
        <v>992</v>
      </c>
      <c r="B3" s="1"/>
      <c r="C3" s="1"/>
      <c r="D3" s="1"/>
      <c r="E3" s="1" t="s">
        <v>391</v>
      </c>
    </row>
    <row r="4" spans="1:5" ht="15" x14ac:dyDescent="0.25">
      <c r="A4" s="2" t="s">
        <v>701</v>
      </c>
      <c r="B4" s="2" t="s">
        <v>140</v>
      </c>
      <c r="C4" s="2" t="s">
        <v>54</v>
      </c>
      <c r="D4" s="2" t="s">
        <v>704</v>
      </c>
      <c r="E4" s="3">
        <v>1</v>
      </c>
    </row>
    <row r="5" spans="1:5" ht="15" x14ac:dyDescent="0.25">
      <c r="A5" s="4" t="s">
        <v>701</v>
      </c>
      <c r="B5" s="4" t="s">
        <v>140</v>
      </c>
      <c r="C5" s="4" t="s">
        <v>41</v>
      </c>
      <c r="D5" s="4" t="s">
        <v>702</v>
      </c>
      <c r="E5" s="3">
        <v>2</v>
      </c>
    </row>
    <row r="6" spans="1:5" ht="15" x14ac:dyDescent="0.25">
      <c r="A6" s="4" t="s">
        <v>611</v>
      </c>
      <c r="B6" s="4" t="s">
        <v>1095</v>
      </c>
      <c r="C6" s="4" t="s">
        <v>148</v>
      </c>
      <c r="D6" s="4" t="s">
        <v>659</v>
      </c>
      <c r="E6" s="3">
        <v>3</v>
      </c>
    </row>
    <row r="7" spans="1:5" ht="15" x14ac:dyDescent="0.25">
      <c r="A7" s="4" t="s">
        <v>542</v>
      </c>
      <c r="B7" s="4" t="s">
        <v>220</v>
      </c>
      <c r="C7" s="4" t="s">
        <v>301</v>
      </c>
      <c r="D7" s="4" t="s">
        <v>248</v>
      </c>
      <c r="E7" s="3">
        <v>4</v>
      </c>
    </row>
    <row r="8" spans="1:5" ht="15" x14ac:dyDescent="0.25">
      <c r="A8" s="4" t="s">
        <v>667</v>
      </c>
      <c r="B8" s="4" t="s">
        <v>1095</v>
      </c>
      <c r="C8" s="4" t="s">
        <v>201</v>
      </c>
      <c r="D8" s="4" t="s">
        <v>668</v>
      </c>
      <c r="E8" s="3">
        <v>5</v>
      </c>
    </row>
    <row r="9" spans="1:5" ht="15" x14ac:dyDescent="0.25">
      <c r="A9" s="4" t="s">
        <v>57</v>
      </c>
      <c r="B9" s="4" t="s">
        <v>18</v>
      </c>
      <c r="C9" s="4" t="s">
        <v>62</v>
      </c>
      <c r="D9" s="4" t="s">
        <v>63</v>
      </c>
      <c r="E9" s="3">
        <v>6</v>
      </c>
    </row>
    <row r="10" spans="1:5" ht="15" x14ac:dyDescent="0.25">
      <c r="A10" s="4" t="s">
        <v>1066</v>
      </c>
      <c r="B10" s="4" t="s">
        <v>490</v>
      </c>
      <c r="C10" s="4" t="s">
        <v>7</v>
      </c>
      <c r="D10" s="4" t="s">
        <v>1077</v>
      </c>
      <c r="E10" s="3">
        <v>7</v>
      </c>
    </row>
    <row r="11" spans="1:5" ht="15" x14ac:dyDescent="0.25">
      <c r="A11" s="4" t="s">
        <v>496</v>
      </c>
      <c r="B11" s="4" t="s">
        <v>107</v>
      </c>
      <c r="C11" s="4" t="s">
        <v>497</v>
      </c>
      <c r="D11" s="4" t="s">
        <v>498</v>
      </c>
      <c r="E11" s="3">
        <v>8</v>
      </c>
    </row>
    <row r="12" spans="1:5" ht="15" x14ac:dyDescent="0.25">
      <c r="A12" s="4" t="s">
        <v>57</v>
      </c>
      <c r="B12" s="4" t="s">
        <v>18</v>
      </c>
      <c r="C12" s="4" t="s">
        <v>81</v>
      </c>
      <c r="D12" s="4" t="s">
        <v>82</v>
      </c>
      <c r="E12" s="3">
        <v>9</v>
      </c>
    </row>
    <row r="13" spans="1:5" ht="15" x14ac:dyDescent="0.25">
      <c r="A13" s="4" t="s">
        <v>277</v>
      </c>
      <c r="B13" s="4" t="s">
        <v>29</v>
      </c>
      <c r="C13" s="4" t="s">
        <v>321</v>
      </c>
      <c r="D13" s="4" t="s">
        <v>322</v>
      </c>
      <c r="E13" s="3">
        <v>10</v>
      </c>
    </row>
    <row r="15" spans="1:5" x14ac:dyDescent="0.2">
      <c r="A15" s="1" t="s">
        <v>130</v>
      </c>
      <c r="B15" s="1"/>
      <c r="C15" s="1"/>
      <c r="D15" s="1"/>
      <c r="E15" s="1" t="s">
        <v>391</v>
      </c>
    </row>
    <row r="16" spans="1:5" x14ac:dyDescent="0.2">
      <c r="A16" s="3"/>
      <c r="B16" s="3"/>
      <c r="C16" s="3"/>
      <c r="D16" s="3"/>
      <c r="E16" s="3"/>
    </row>
    <row r="17" spans="1:5" ht="15" x14ac:dyDescent="0.25">
      <c r="A17" s="4" t="s">
        <v>8</v>
      </c>
      <c r="B17" s="4" t="s">
        <v>1097</v>
      </c>
      <c r="C17" s="4" t="s">
        <v>14</v>
      </c>
      <c r="D17" s="4" t="s">
        <v>15</v>
      </c>
      <c r="E17" s="3">
        <v>1</v>
      </c>
    </row>
    <row r="18" spans="1:5" ht="15" x14ac:dyDescent="0.25">
      <c r="A18" s="4" t="s">
        <v>1066</v>
      </c>
      <c r="B18" s="4" t="s">
        <v>490</v>
      </c>
      <c r="C18" s="4" t="s">
        <v>96</v>
      </c>
      <c r="D18" s="4" t="s">
        <v>1074</v>
      </c>
      <c r="E18" s="3">
        <v>2</v>
      </c>
    </row>
    <row r="19" spans="1:5" ht="15" x14ac:dyDescent="0.25">
      <c r="A19" s="4" t="s">
        <v>147</v>
      </c>
      <c r="B19" s="4" t="s">
        <v>18</v>
      </c>
      <c r="C19" s="4" t="s">
        <v>154</v>
      </c>
      <c r="D19" s="4" t="s">
        <v>155</v>
      </c>
      <c r="E19" s="3">
        <v>3</v>
      </c>
    </row>
    <row r="20" spans="1:5" ht="15" x14ac:dyDescent="0.25">
      <c r="A20" s="4" t="s">
        <v>451</v>
      </c>
      <c r="B20" s="4" t="s">
        <v>220</v>
      </c>
      <c r="C20" s="4" t="s">
        <v>56</v>
      </c>
      <c r="D20" s="4" t="s">
        <v>467</v>
      </c>
      <c r="E20" s="3">
        <v>4</v>
      </c>
    </row>
    <row r="21" spans="1:5" ht="15" x14ac:dyDescent="0.25">
      <c r="A21" s="4" t="s">
        <v>1096</v>
      </c>
      <c r="B21" s="4" t="s">
        <v>1097</v>
      </c>
      <c r="C21" s="4" t="s">
        <v>5</v>
      </c>
      <c r="D21" s="4" t="s">
        <v>6</v>
      </c>
      <c r="E21" s="3">
        <v>5</v>
      </c>
    </row>
    <row r="22" spans="1:5" ht="15" x14ac:dyDescent="0.25">
      <c r="A22" s="4" t="s">
        <v>1066</v>
      </c>
      <c r="B22" s="4" t="s">
        <v>490</v>
      </c>
      <c r="C22" s="4" t="s">
        <v>32</v>
      </c>
      <c r="D22" s="4" t="s">
        <v>1075</v>
      </c>
      <c r="E22" s="3">
        <v>6</v>
      </c>
    </row>
    <row r="23" spans="1:5" ht="15" x14ac:dyDescent="0.25">
      <c r="A23" s="4" t="s">
        <v>542</v>
      </c>
      <c r="B23" s="4" t="s">
        <v>220</v>
      </c>
      <c r="C23" s="4" t="s">
        <v>317</v>
      </c>
      <c r="D23" s="4" t="s">
        <v>229</v>
      </c>
      <c r="E23" s="3">
        <v>7</v>
      </c>
    </row>
    <row r="24" spans="1:5" ht="15" x14ac:dyDescent="0.25">
      <c r="A24" s="4" t="s">
        <v>1066</v>
      </c>
      <c r="B24" s="4" t="s">
        <v>490</v>
      </c>
      <c r="C24" s="4" t="s">
        <v>98</v>
      </c>
      <c r="D24" s="4" t="s">
        <v>1076</v>
      </c>
      <c r="E24" s="3">
        <v>8</v>
      </c>
    </row>
    <row r="25" spans="1:5" ht="15" x14ac:dyDescent="0.25">
      <c r="A25" s="4" t="s">
        <v>57</v>
      </c>
      <c r="B25" s="4" t="s">
        <v>18</v>
      </c>
      <c r="C25" s="4" t="s">
        <v>83</v>
      </c>
      <c r="D25" s="4" t="s">
        <v>61</v>
      </c>
      <c r="E25" s="3">
        <v>9</v>
      </c>
    </row>
    <row r="26" spans="1:5" ht="15" x14ac:dyDescent="0.25">
      <c r="A26" s="4" t="s">
        <v>1096</v>
      </c>
      <c r="B26" s="4" t="s">
        <v>1097</v>
      </c>
      <c r="C26" s="4" t="s">
        <v>3</v>
      </c>
      <c r="D26" s="4" t="s">
        <v>4</v>
      </c>
      <c r="E26" s="3">
        <v>10</v>
      </c>
    </row>
    <row r="28" spans="1:5" x14ac:dyDescent="0.2">
      <c r="A28" s="1" t="s">
        <v>131</v>
      </c>
      <c r="B28" s="3"/>
      <c r="C28" s="3"/>
      <c r="D28" s="3"/>
      <c r="E28" s="1" t="s">
        <v>391</v>
      </c>
    </row>
    <row r="29" spans="1:5" ht="15" x14ac:dyDescent="0.25">
      <c r="A29" s="2" t="s">
        <v>692</v>
      </c>
      <c r="B29" s="2" t="s">
        <v>107</v>
      </c>
      <c r="C29" s="2" t="s">
        <v>951</v>
      </c>
      <c r="D29" s="2" t="s">
        <v>952</v>
      </c>
      <c r="E29" s="3">
        <v>1</v>
      </c>
    </row>
    <row r="30" spans="1:5" ht="30" x14ac:dyDescent="0.25">
      <c r="A30" s="4" t="s">
        <v>542</v>
      </c>
      <c r="B30" s="4" t="s">
        <v>220</v>
      </c>
      <c r="C30" s="4" t="s">
        <v>955</v>
      </c>
      <c r="D30" s="4" t="s">
        <v>132</v>
      </c>
      <c r="E30" s="3">
        <v>2</v>
      </c>
    </row>
    <row r="31" spans="1:5" ht="15" x14ac:dyDescent="0.25">
      <c r="A31" s="4" t="s">
        <v>967</v>
      </c>
      <c r="B31" s="4" t="s">
        <v>490</v>
      </c>
      <c r="C31" s="4" t="s">
        <v>970</v>
      </c>
      <c r="D31" s="4" t="s">
        <v>971</v>
      </c>
      <c r="E31" s="3">
        <v>3</v>
      </c>
    </row>
    <row r="32" spans="1:5" ht="15" x14ac:dyDescent="0.25">
      <c r="A32" s="4" t="s">
        <v>590</v>
      </c>
      <c r="B32" s="4" t="s">
        <v>18</v>
      </c>
      <c r="C32" s="4" t="s">
        <v>949</v>
      </c>
      <c r="D32" s="4" t="s">
        <v>950</v>
      </c>
      <c r="E32" s="3">
        <v>4</v>
      </c>
    </row>
    <row r="33" spans="1:5" ht="15" x14ac:dyDescent="0.25">
      <c r="A33" s="4" t="s">
        <v>280</v>
      </c>
      <c r="B33" s="4" t="s">
        <v>1095</v>
      </c>
      <c r="C33" s="4" t="s">
        <v>953</v>
      </c>
      <c r="D33" s="4" t="s">
        <v>954</v>
      </c>
      <c r="E33" s="3">
        <v>5</v>
      </c>
    </row>
    <row r="34" spans="1:5" ht="15" x14ac:dyDescent="0.25">
      <c r="A34" s="4" t="s">
        <v>241</v>
      </c>
      <c r="B34" s="4" t="s">
        <v>1095</v>
      </c>
      <c r="C34" s="4" t="s">
        <v>956</v>
      </c>
      <c r="D34" s="4" t="s">
        <v>957</v>
      </c>
      <c r="E34" s="3">
        <v>6</v>
      </c>
    </row>
    <row r="35" spans="1:5" ht="15" x14ac:dyDescent="0.25">
      <c r="A35" s="4" t="s">
        <v>724</v>
      </c>
      <c r="B35" s="4" t="s">
        <v>107</v>
      </c>
      <c r="C35" s="4" t="s">
        <v>945</v>
      </c>
      <c r="D35" s="4" t="s">
        <v>946</v>
      </c>
      <c r="E35" s="3">
        <v>7</v>
      </c>
    </row>
    <row r="36" spans="1:5" ht="15" x14ac:dyDescent="0.25">
      <c r="A36" s="4" t="s">
        <v>8</v>
      </c>
      <c r="B36" s="4" t="s">
        <v>1097</v>
      </c>
      <c r="C36" s="4" t="s">
        <v>943</v>
      </c>
      <c r="D36" s="4" t="s">
        <v>944</v>
      </c>
      <c r="E36" s="3">
        <v>8</v>
      </c>
    </row>
    <row r="37" spans="1:5" ht="15" x14ac:dyDescent="0.25">
      <c r="A37" s="4" t="s">
        <v>613</v>
      </c>
      <c r="B37" s="4" t="s">
        <v>29</v>
      </c>
      <c r="C37" s="4" t="s">
        <v>947</v>
      </c>
      <c r="D37" s="4" t="s">
        <v>948</v>
      </c>
      <c r="E37" s="3">
        <v>9</v>
      </c>
    </row>
    <row r="38" spans="1:5" ht="15" x14ac:dyDescent="0.25">
      <c r="A38" s="4" t="s">
        <v>695</v>
      </c>
      <c r="B38" s="4" t="s">
        <v>490</v>
      </c>
      <c r="C38" s="4" t="s">
        <v>696</v>
      </c>
      <c r="D38" s="4" t="s">
        <v>697</v>
      </c>
      <c r="E38" s="3">
        <v>10</v>
      </c>
    </row>
    <row r="40" spans="1:5" x14ac:dyDescent="0.2">
      <c r="A40" s="1" t="s">
        <v>445</v>
      </c>
      <c r="B40" s="3"/>
    </row>
    <row r="41" spans="1:5" x14ac:dyDescent="0.2">
      <c r="A41" s="3"/>
      <c r="B41" s="3"/>
    </row>
    <row r="42" spans="1:5" x14ac:dyDescent="0.2">
      <c r="A42" s="3" t="s">
        <v>57</v>
      </c>
      <c r="B42" s="3" t="s">
        <v>446</v>
      </c>
    </row>
    <row r="43" spans="1:5" x14ac:dyDescent="0.2">
      <c r="A43" s="3"/>
      <c r="B43" s="3" t="s">
        <v>447</v>
      </c>
    </row>
    <row r="44" spans="1:5" x14ac:dyDescent="0.2">
      <c r="A44" s="3"/>
      <c r="B44" s="3"/>
    </row>
    <row r="45" spans="1:5" x14ac:dyDescent="0.2">
      <c r="A45" s="3" t="s">
        <v>476</v>
      </c>
      <c r="B45" s="3" t="s">
        <v>448</v>
      </c>
    </row>
    <row r="46" spans="1:5" x14ac:dyDescent="0.2">
      <c r="A46" s="3"/>
      <c r="B46" s="3" t="s">
        <v>449</v>
      </c>
    </row>
    <row r="47" spans="1:5" x14ac:dyDescent="0.2">
      <c r="A47" s="3"/>
      <c r="B47" s="3" t="s">
        <v>450</v>
      </c>
    </row>
    <row r="49" spans="1:5" x14ac:dyDescent="0.2">
      <c r="A49" s="1" t="s">
        <v>743</v>
      </c>
      <c r="B49" s="3"/>
      <c r="C49" s="3"/>
      <c r="D49" s="3"/>
      <c r="E49" s="3"/>
    </row>
    <row r="50" spans="1:5" x14ac:dyDescent="0.2">
      <c r="A50" s="3"/>
      <c r="B50" s="3"/>
      <c r="C50" s="3"/>
      <c r="D50" s="3"/>
      <c r="E50" s="1" t="s">
        <v>391</v>
      </c>
    </row>
    <row r="51" spans="1:5" ht="15" x14ac:dyDescent="0.25">
      <c r="A51" s="4" t="s">
        <v>572</v>
      </c>
      <c r="B51" s="4" t="s">
        <v>140</v>
      </c>
      <c r="C51" s="4" t="s">
        <v>548</v>
      </c>
      <c r="D51" s="4" t="s">
        <v>574</v>
      </c>
      <c r="E51" s="3">
        <v>1</v>
      </c>
    </row>
    <row r="52" spans="1:5" ht="15" x14ac:dyDescent="0.25">
      <c r="A52" s="4" t="s">
        <v>1020</v>
      </c>
      <c r="B52" s="4" t="s">
        <v>490</v>
      </c>
      <c r="C52" s="4" t="s">
        <v>94</v>
      </c>
      <c r="D52" s="4" t="s">
        <v>1025</v>
      </c>
      <c r="E52" s="3">
        <v>2</v>
      </c>
    </row>
    <row r="53" spans="1:5" ht="15" x14ac:dyDescent="0.25">
      <c r="A53" s="4" t="s">
        <v>1057</v>
      </c>
      <c r="B53" s="4" t="s">
        <v>490</v>
      </c>
      <c r="C53" s="4" t="s">
        <v>45</v>
      </c>
      <c r="D53" s="4" t="s">
        <v>1059</v>
      </c>
      <c r="E53" s="3">
        <v>3</v>
      </c>
    </row>
    <row r="54" spans="1:5" ht="15" x14ac:dyDescent="0.25">
      <c r="A54" s="4" t="s">
        <v>139</v>
      </c>
      <c r="B54" s="4" t="s">
        <v>140</v>
      </c>
      <c r="C54" s="4" t="s">
        <v>145</v>
      </c>
      <c r="D54" s="4" t="s">
        <v>146</v>
      </c>
      <c r="E54" s="3">
        <v>4</v>
      </c>
    </row>
    <row r="55" spans="1:5" ht="15" x14ac:dyDescent="0.25">
      <c r="A55" s="4" t="s">
        <v>451</v>
      </c>
      <c r="B55" s="4" t="s">
        <v>220</v>
      </c>
      <c r="C55" s="4" t="s">
        <v>464</v>
      </c>
      <c r="D55" s="4" t="s">
        <v>465</v>
      </c>
      <c r="E55" s="3">
        <v>5</v>
      </c>
    </row>
    <row r="56" spans="1:5" ht="15" x14ac:dyDescent="0.25">
      <c r="A56" s="4" t="s">
        <v>331</v>
      </c>
      <c r="B56" s="4" t="s">
        <v>1097</v>
      </c>
      <c r="C56" s="4" t="s">
        <v>98</v>
      </c>
      <c r="D56" s="4" t="s">
        <v>329</v>
      </c>
      <c r="E56" s="3">
        <v>6</v>
      </c>
    </row>
    <row r="57" spans="1:5" ht="15" x14ac:dyDescent="0.25">
      <c r="A57" s="4" t="s">
        <v>719</v>
      </c>
      <c r="B57" s="4" t="s">
        <v>234</v>
      </c>
      <c r="C57" s="4" t="s">
        <v>1016</v>
      </c>
      <c r="D57" s="4" t="s">
        <v>1017</v>
      </c>
      <c r="E57" s="3">
        <v>7</v>
      </c>
    </row>
    <row r="58" spans="1:5" ht="15" x14ac:dyDescent="0.25">
      <c r="A58" s="4" t="s">
        <v>719</v>
      </c>
      <c r="B58" s="4" t="s">
        <v>234</v>
      </c>
      <c r="C58" s="4" t="s">
        <v>1014</v>
      </c>
      <c r="D58" s="4" t="s">
        <v>1015</v>
      </c>
      <c r="E58" s="3">
        <v>8</v>
      </c>
    </row>
    <row r="59" spans="1:5" ht="15" x14ac:dyDescent="0.25">
      <c r="A59" s="4" t="s">
        <v>219</v>
      </c>
      <c r="B59" s="4" t="s">
        <v>220</v>
      </c>
      <c r="C59" s="4" t="s">
        <v>221</v>
      </c>
      <c r="D59" s="4" t="s">
        <v>222</v>
      </c>
      <c r="E59" s="3">
        <v>9</v>
      </c>
    </row>
    <row r="60" spans="1:5" ht="15" x14ac:dyDescent="0.25">
      <c r="A60" s="4" t="s">
        <v>570</v>
      </c>
      <c r="B60" s="4" t="s">
        <v>29</v>
      </c>
      <c r="C60" s="4" t="s">
        <v>30</v>
      </c>
      <c r="D60" s="4" t="s">
        <v>576</v>
      </c>
      <c r="E60" s="3">
        <v>10</v>
      </c>
    </row>
    <row r="62" spans="1:5" x14ac:dyDescent="0.2">
      <c r="A62" s="1" t="s">
        <v>994</v>
      </c>
      <c r="B62" s="1"/>
      <c r="C62" s="1"/>
      <c r="D62" s="1"/>
      <c r="E62" s="1" t="s">
        <v>391</v>
      </c>
    </row>
    <row r="63" spans="1:5" x14ac:dyDescent="0.2">
      <c r="A63" s="3"/>
      <c r="B63" s="3"/>
      <c r="C63" s="3"/>
      <c r="D63" s="3"/>
      <c r="E63" s="3"/>
    </row>
    <row r="64" spans="1:5" ht="15" x14ac:dyDescent="0.25">
      <c r="A64" s="4" t="s">
        <v>975</v>
      </c>
      <c r="B64" s="4" t="s">
        <v>234</v>
      </c>
      <c r="C64" s="4" t="s">
        <v>981</v>
      </c>
      <c r="D64" s="4" t="s">
        <v>982</v>
      </c>
      <c r="E64" s="3">
        <v>1</v>
      </c>
    </row>
    <row r="65" spans="1:5" ht="15" x14ac:dyDescent="0.25">
      <c r="A65" s="4" t="s">
        <v>139</v>
      </c>
      <c r="B65" s="4" t="s">
        <v>140</v>
      </c>
      <c r="C65" s="4" t="s">
        <v>143</v>
      </c>
      <c r="D65" s="4" t="s">
        <v>144</v>
      </c>
      <c r="E65" s="3">
        <v>2</v>
      </c>
    </row>
    <row r="66" spans="1:5" ht="15" x14ac:dyDescent="0.25">
      <c r="A66" s="4" t="s">
        <v>617</v>
      </c>
      <c r="B66" s="4" t="s">
        <v>220</v>
      </c>
      <c r="C66" s="4" t="s">
        <v>418</v>
      </c>
      <c r="D66" s="4" t="s">
        <v>621</v>
      </c>
      <c r="E66" s="3">
        <v>3</v>
      </c>
    </row>
    <row r="67" spans="1:5" ht="15" x14ac:dyDescent="0.25">
      <c r="A67" s="4" t="s">
        <v>162</v>
      </c>
      <c r="B67" s="4" t="s">
        <v>107</v>
      </c>
      <c r="C67" s="4" t="s">
        <v>163</v>
      </c>
      <c r="D67" s="4" t="s">
        <v>164</v>
      </c>
      <c r="E67" s="3">
        <v>4</v>
      </c>
    </row>
    <row r="68" spans="1:5" ht="15" x14ac:dyDescent="0.25">
      <c r="A68" s="4" t="s">
        <v>1073</v>
      </c>
      <c r="B68" s="4" t="s">
        <v>490</v>
      </c>
      <c r="C68" s="4" t="s">
        <v>1078</v>
      </c>
      <c r="D68" s="4" t="s">
        <v>1079</v>
      </c>
      <c r="E68" s="3">
        <v>5</v>
      </c>
    </row>
    <row r="69" spans="1:5" ht="15" x14ac:dyDescent="0.25">
      <c r="A69" s="4" t="s">
        <v>277</v>
      </c>
      <c r="B69" s="4" t="s">
        <v>29</v>
      </c>
      <c r="C69" s="4" t="s">
        <v>320</v>
      </c>
      <c r="D69" s="4" t="s">
        <v>13</v>
      </c>
      <c r="E69" s="3">
        <v>6</v>
      </c>
    </row>
    <row r="70" spans="1:5" ht="15" x14ac:dyDescent="0.25">
      <c r="A70" s="4" t="s">
        <v>716</v>
      </c>
      <c r="B70" s="4" t="s">
        <v>1095</v>
      </c>
      <c r="C70" s="4" t="s">
        <v>108</v>
      </c>
      <c r="D70" s="4" t="s">
        <v>717</v>
      </c>
      <c r="E70" s="3">
        <v>7</v>
      </c>
    </row>
    <row r="71" spans="1:5" ht="15" x14ac:dyDescent="0.25">
      <c r="A71" s="4" t="s">
        <v>315</v>
      </c>
      <c r="B71" s="4" t="s">
        <v>18</v>
      </c>
      <c r="C71" s="4" t="s">
        <v>326</v>
      </c>
      <c r="D71" s="4" t="s">
        <v>327</v>
      </c>
      <c r="E71" s="3">
        <v>8</v>
      </c>
    </row>
    <row r="72" spans="1:5" ht="15" x14ac:dyDescent="0.25">
      <c r="A72" s="4" t="s">
        <v>496</v>
      </c>
      <c r="B72" s="4" t="s">
        <v>107</v>
      </c>
      <c r="C72" s="4" t="s">
        <v>41</v>
      </c>
      <c r="D72" s="4" t="s">
        <v>499</v>
      </c>
      <c r="E72" s="3">
        <v>9</v>
      </c>
    </row>
    <row r="73" spans="1:5" ht="15" x14ac:dyDescent="0.25">
      <c r="A73" s="4" t="s">
        <v>542</v>
      </c>
      <c r="B73" s="4" t="s">
        <v>220</v>
      </c>
      <c r="C73" s="4" t="s">
        <v>224</v>
      </c>
      <c r="D73" s="4" t="s">
        <v>569</v>
      </c>
      <c r="E73" s="3">
        <v>10</v>
      </c>
    </row>
    <row r="75" spans="1:5" x14ac:dyDescent="0.2">
      <c r="A75" s="1" t="s">
        <v>359</v>
      </c>
      <c r="B75" s="3"/>
      <c r="C75" s="3"/>
      <c r="D75" s="3"/>
      <c r="E75" s="1" t="s">
        <v>391</v>
      </c>
    </row>
    <row r="76" spans="1:5" ht="15" x14ac:dyDescent="0.25">
      <c r="A76" s="2" t="s">
        <v>451</v>
      </c>
      <c r="B76" s="2" t="s">
        <v>220</v>
      </c>
      <c r="C76" s="2" t="s">
        <v>281</v>
      </c>
      <c r="D76" s="2" t="s">
        <v>463</v>
      </c>
      <c r="E76" s="3">
        <v>1</v>
      </c>
    </row>
    <row r="77" spans="1:5" ht="15" x14ac:dyDescent="0.25">
      <c r="A77" s="4" t="s">
        <v>476</v>
      </c>
      <c r="B77" s="4" t="s">
        <v>1095</v>
      </c>
      <c r="C77" s="4" t="s">
        <v>44</v>
      </c>
      <c r="D77" s="4" t="s">
        <v>477</v>
      </c>
      <c r="E77" s="3">
        <v>2</v>
      </c>
    </row>
    <row r="78" spans="1:5" ht="15" x14ac:dyDescent="0.25">
      <c r="A78" s="4" t="s">
        <v>476</v>
      </c>
      <c r="B78" s="4" t="s">
        <v>1095</v>
      </c>
      <c r="C78" s="4" t="s">
        <v>256</v>
      </c>
      <c r="D78" s="4" t="s">
        <v>100</v>
      </c>
      <c r="E78" s="3">
        <v>3</v>
      </c>
    </row>
    <row r="79" spans="1:5" ht="15" x14ac:dyDescent="0.25">
      <c r="A79" s="4" t="s">
        <v>543</v>
      </c>
      <c r="B79" s="4" t="s">
        <v>107</v>
      </c>
      <c r="C79" s="4" t="s">
        <v>180</v>
      </c>
      <c r="D79" s="4" t="s">
        <v>547</v>
      </c>
      <c r="E79" s="3">
        <v>4</v>
      </c>
    </row>
    <row r="80" spans="1:5" ht="15" x14ac:dyDescent="0.25">
      <c r="A80" s="4" t="s">
        <v>409</v>
      </c>
      <c r="B80" s="4" t="s">
        <v>29</v>
      </c>
      <c r="C80" s="4" t="s">
        <v>410</v>
      </c>
      <c r="D80" s="4" t="s">
        <v>179</v>
      </c>
      <c r="E80" s="3">
        <v>5</v>
      </c>
    </row>
    <row r="81" spans="1:5" ht="15" x14ac:dyDescent="0.25">
      <c r="A81" s="4" t="s">
        <v>505</v>
      </c>
      <c r="B81" s="4" t="s">
        <v>140</v>
      </c>
      <c r="C81" s="4" t="s">
        <v>509</v>
      </c>
      <c r="D81" s="4" t="s">
        <v>469</v>
      </c>
      <c r="E81" s="3">
        <v>6</v>
      </c>
    </row>
    <row r="82" spans="1:5" ht="15" x14ac:dyDescent="0.25">
      <c r="A82" s="4" t="s">
        <v>654</v>
      </c>
      <c r="B82" s="4" t="s">
        <v>220</v>
      </c>
      <c r="C82" s="4" t="s">
        <v>656</v>
      </c>
      <c r="D82" s="4" t="s">
        <v>657</v>
      </c>
      <c r="E82" s="3">
        <v>7</v>
      </c>
    </row>
    <row r="83" spans="1:5" ht="15" x14ac:dyDescent="0.25">
      <c r="A83" s="4" t="s">
        <v>1096</v>
      </c>
      <c r="B83" s="4" t="s">
        <v>1097</v>
      </c>
      <c r="C83" s="4" t="s">
        <v>0</v>
      </c>
      <c r="D83" s="4" t="s">
        <v>1</v>
      </c>
      <c r="E83" s="3">
        <v>8</v>
      </c>
    </row>
    <row r="84" spans="1:5" ht="15" x14ac:dyDescent="0.25">
      <c r="A84" s="4" t="s">
        <v>99</v>
      </c>
      <c r="B84" s="4" t="s">
        <v>1097</v>
      </c>
      <c r="C84" s="4" t="s">
        <v>103</v>
      </c>
      <c r="D84" s="4" t="s">
        <v>104</v>
      </c>
      <c r="E84" s="3">
        <v>9</v>
      </c>
    </row>
    <row r="85" spans="1:5" ht="15" x14ac:dyDescent="0.25">
      <c r="A85" s="4" t="s">
        <v>1080</v>
      </c>
      <c r="B85" s="4" t="s">
        <v>490</v>
      </c>
      <c r="C85" s="4" t="s">
        <v>1084</v>
      </c>
      <c r="D85" s="4" t="s">
        <v>1085</v>
      </c>
      <c r="E85" s="3">
        <v>10</v>
      </c>
    </row>
    <row r="87" spans="1:5" x14ac:dyDescent="0.2">
      <c r="A87" s="1" t="s">
        <v>405</v>
      </c>
      <c r="B87" s="3"/>
      <c r="C87" s="3"/>
      <c r="D87" s="3"/>
      <c r="E87" s="1" t="s">
        <v>391</v>
      </c>
    </row>
    <row r="88" spans="1:5" x14ac:dyDescent="0.2">
      <c r="A88" s="3"/>
      <c r="B88" s="3"/>
      <c r="C88" s="3"/>
      <c r="D88" s="3"/>
      <c r="E88" s="3"/>
    </row>
    <row r="89" spans="1:5" ht="15" x14ac:dyDescent="0.25">
      <c r="A89" s="2" t="s">
        <v>1073</v>
      </c>
      <c r="B89" s="2" t="s">
        <v>490</v>
      </c>
      <c r="C89" s="2" t="s">
        <v>406</v>
      </c>
      <c r="D89" s="2" t="s">
        <v>407</v>
      </c>
      <c r="E89" s="3">
        <v>1</v>
      </c>
    </row>
    <row r="90" spans="1:5" ht="15" x14ac:dyDescent="0.25">
      <c r="A90" s="4" t="s">
        <v>27</v>
      </c>
      <c r="B90" s="4" t="s">
        <v>18</v>
      </c>
      <c r="C90" s="4" t="s">
        <v>201</v>
      </c>
      <c r="D90" s="4" t="s">
        <v>202</v>
      </c>
      <c r="E90" s="3">
        <v>2</v>
      </c>
    </row>
    <row r="91" spans="1:5" ht="15" x14ac:dyDescent="0.25">
      <c r="A91" s="4" t="s">
        <v>429</v>
      </c>
      <c r="B91" s="4" t="s">
        <v>107</v>
      </c>
      <c r="C91" s="4" t="s">
        <v>433</v>
      </c>
      <c r="D91" s="4" t="s">
        <v>434</v>
      </c>
      <c r="E91" s="3">
        <v>3</v>
      </c>
    </row>
    <row r="92" spans="1:5" ht="15" x14ac:dyDescent="0.25">
      <c r="A92" s="4" t="s">
        <v>425</v>
      </c>
      <c r="B92" s="4" t="s">
        <v>1095</v>
      </c>
      <c r="C92" s="4" t="s">
        <v>427</v>
      </c>
      <c r="D92" s="4" t="s">
        <v>428</v>
      </c>
      <c r="E92" s="3">
        <v>4</v>
      </c>
    </row>
    <row r="93" spans="1:5" ht="15" x14ac:dyDescent="0.25">
      <c r="A93" s="4" t="s">
        <v>492</v>
      </c>
      <c r="B93" s="4" t="s">
        <v>1097</v>
      </c>
      <c r="C93" s="4" t="s">
        <v>493</v>
      </c>
      <c r="D93" s="4" t="s">
        <v>494</v>
      </c>
      <c r="E93" s="3">
        <v>5</v>
      </c>
    </row>
    <row r="94" spans="1:5" ht="15" x14ac:dyDescent="0.25">
      <c r="A94" s="4" t="s">
        <v>682</v>
      </c>
      <c r="B94" s="4" t="s">
        <v>220</v>
      </c>
      <c r="C94" s="4" t="s">
        <v>685</v>
      </c>
      <c r="D94" s="4" t="s">
        <v>686</v>
      </c>
      <c r="E94" s="3">
        <v>6</v>
      </c>
    </row>
    <row r="95" spans="1:5" ht="15" x14ac:dyDescent="0.25">
      <c r="A95" s="4" t="s">
        <v>742</v>
      </c>
      <c r="B95" s="4" t="s">
        <v>18</v>
      </c>
      <c r="C95" s="4" t="s">
        <v>593</v>
      </c>
      <c r="D95" s="4" t="s">
        <v>483</v>
      </c>
      <c r="E95" s="3">
        <v>7</v>
      </c>
    </row>
    <row r="96" spans="1:5" ht="15" x14ac:dyDescent="0.25">
      <c r="A96" s="4" t="s">
        <v>549</v>
      </c>
      <c r="B96" s="4" t="s">
        <v>140</v>
      </c>
      <c r="C96" s="4" t="s">
        <v>9</v>
      </c>
      <c r="D96" s="4" t="s">
        <v>552</v>
      </c>
      <c r="E96" s="3">
        <v>8</v>
      </c>
    </row>
    <row r="97" spans="1:5" ht="15" x14ac:dyDescent="0.25">
      <c r="A97" s="4" t="s">
        <v>965</v>
      </c>
      <c r="B97" s="4" t="s">
        <v>490</v>
      </c>
      <c r="C97" s="4" t="s">
        <v>276</v>
      </c>
      <c r="D97" s="4" t="s">
        <v>966</v>
      </c>
      <c r="E97" s="3">
        <v>9</v>
      </c>
    </row>
    <row r="98" spans="1:5" ht="15" x14ac:dyDescent="0.25">
      <c r="A98" s="4" t="s">
        <v>723</v>
      </c>
      <c r="B98" s="4" t="s">
        <v>490</v>
      </c>
      <c r="C98" s="4" t="s">
        <v>1050</v>
      </c>
      <c r="D98" s="4" t="s">
        <v>1051</v>
      </c>
      <c r="E98" s="3">
        <v>10</v>
      </c>
    </row>
    <row r="100" spans="1:5" ht="30" x14ac:dyDescent="0.25">
      <c r="A100" s="5" t="s">
        <v>355</v>
      </c>
      <c r="B100" s="4"/>
      <c r="C100" s="4"/>
      <c r="D100" s="4"/>
      <c r="E100" s="1" t="s">
        <v>391</v>
      </c>
    </row>
    <row r="101" spans="1:5" ht="30" x14ac:dyDescent="0.25">
      <c r="A101" s="4" t="s">
        <v>430</v>
      </c>
      <c r="B101" s="4" t="s">
        <v>29</v>
      </c>
      <c r="C101" s="4" t="s">
        <v>635</v>
      </c>
      <c r="D101" s="4" t="s">
        <v>358</v>
      </c>
      <c r="E101" s="3">
        <v>1</v>
      </c>
    </row>
    <row r="102" spans="1:5" ht="15" x14ac:dyDescent="0.25">
      <c r="A102" s="4" t="s">
        <v>375</v>
      </c>
      <c r="B102" s="4" t="s">
        <v>18</v>
      </c>
      <c r="C102" s="4" t="s">
        <v>638</v>
      </c>
      <c r="D102" s="4" t="s">
        <v>639</v>
      </c>
      <c r="E102" s="3">
        <v>2</v>
      </c>
    </row>
    <row r="103" spans="1:5" ht="30" x14ac:dyDescent="0.25">
      <c r="A103" s="4" t="s">
        <v>178</v>
      </c>
      <c r="B103" s="4" t="s">
        <v>29</v>
      </c>
      <c r="C103" s="4" t="s">
        <v>640</v>
      </c>
      <c r="D103" s="4" t="s">
        <v>641</v>
      </c>
      <c r="E103" s="3">
        <v>3</v>
      </c>
    </row>
    <row r="104" spans="1:5" ht="30" x14ac:dyDescent="0.25">
      <c r="A104" s="4" t="s">
        <v>671</v>
      </c>
      <c r="B104" s="4" t="s">
        <v>220</v>
      </c>
      <c r="C104" s="4" t="s">
        <v>356</v>
      </c>
      <c r="D104" s="4" t="s">
        <v>357</v>
      </c>
      <c r="E104" s="3">
        <v>4</v>
      </c>
    </row>
    <row r="105" spans="1:5" ht="15" x14ac:dyDescent="0.25">
      <c r="A105" s="4" t="s">
        <v>492</v>
      </c>
      <c r="B105" s="4" t="s">
        <v>1097</v>
      </c>
      <c r="C105" s="4" t="s">
        <v>633</v>
      </c>
      <c r="D105" s="4" t="s">
        <v>634</v>
      </c>
      <c r="E105" s="3">
        <v>5</v>
      </c>
    </row>
    <row r="106" spans="1:5" ht="15" x14ac:dyDescent="0.25">
      <c r="A106" s="4" t="s">
        <v>226</v>
      </c>
      <c r="B106" s="4" t="s">
        <v>1095</v>
      </c>
      <c r="C106" s="4" t="s">
        <v>636</v>
      </c>
      <c r="D106" s="4" t="s">
        <v>637</v>
      </c>
      <c r="E106" s="3">
        <v>6</v>
      </c>
    </row>
    <row r="108" spans="1:5" x14ac:dyDescent="0.2">
      <c r="A108" s="1" t="s">
        <v>1001</v>
      </c>
      <c r="B108" s="1"/>
      <c r="C108" s="1"/>
      <c r="D108" s="1"/>
      <c r="E108" s="1"/>
    </row>
    <row r="109" spans="1:5" x14ac:dyDescent="0.2">
      <c r="A109" s="3"/>
      <c r="B109" s="3"/>
      <c r="C109" s="3"/>
      <c r="D109" s="3"/>
      <c r="E109" s="1" t="s">
        <v>391</v>
      </c>
    </row>
    <row r="110" spans="1:5" ht="15" x14ac:dyDescent="0.25">
      <c r="A110" s="4" t="s">
        <v>660</v>
      </c>
      <c r="B110" s="4" t="s">
        <v>234</v>
      </c>
      <c r="C110" s="4" t="s">
        <v>31</v>
      </c>
      <c r="D110" s="4" t="s">
        <v>662</v>
      </c>
      <c r="E110" s="3">
        <v>1</v>
      </c>
    </row>
    <row r="111" spans="1:5" ht="15" x14ac:dyDescent="0.25">
      <c r="A111" s="4" t="s">
        <v>501</v>
      </c>
      <c r="B111" s="4" t="s">
        <v>107</v>
      </c>
      <c r="C111" s="4" t="s">
        <v>12</v>
      </c>
      <c r="D111" s="4" t="s">
        <v>503</v>
      </c>
      <c r="E111" s="3">
        <v>2</v>
      </c>
    </row>
    <row r="112" spans="1:5" ht="15" x14ac:dyDescent="0.25">
      <c r="A112" s="4" t="s">
        <v>338</v>
      </c>
      <c r="B112" s="4" t="s">
        <v>140</v>
      </c>
      <c r="C112" s="4" t="s">
        <v>86</v>
      </c>
      <c r="D112" s="4" t="s">
        <v>367</v>
      </c>
      <c r="E112" s="3">
        <v>3</v>
      </c>
    </row>
    <row r="113" spans="1:5" ht="15" x14ac:dyDescent="0.25">
      <c r="A113" s="4" t="s">
        <v>975</v>
      </c>
      <c r="B113" s="4" t="s">
        <v>234</v>
      </c>
      <c r="C113" s="4" t="s">
        <v>62</v>
      </c>
      <c r="D113" s="4" t="s">
        <v>980</v>
      </c>
      <c r="E113" s="3">
        <v>4</v>
      </c>
    </row>
    <row r="114" spans="1:5" ht="15" x14ac:dyDescent="0.25">
      <c r="A114" s="4" t="s">
        <v>184</v>
      </c>
      <c r="B114" s="4" t="s">
        <v>1095</v>
      </c>
      <c r="C114" s="4" t="s">
        <v>185</v>
      </c>
      <c r="D114" s="4" t="s">
        <v>186</v>
      </c>
      <c r="E114" s="3">
        <v>5</v>
      </c>
    </row>
    <row r="115" spans="1:5" ht="15" x14ac:dyDescent="0.25">
      <c r="A115" s="4" t="s">
        <v>549</v>
      </c>
      <c r="B115" s="4" t="s">
        <v>140</v>
      </c>
      <c r="C115" s="4" t="s">
        <v>553</v>
      </c>
      <c r="D115" s="4" t="s">
        <v>554</v>
      </c>
      <c r="E115" s="3">
        <v>6</v>
      </c>
    </row>
    <row r="116" spans="1:5" ht="15" x14ac:dyDescent="0.25">
      <c r="A116" s="4" t="s">
        <v>654</v>
      </c>
      <c r="B116" s="4" t="s">
        <v>220</v>
      </c>
      <c r="C116" s="4" t="s">
        <v>369</v>
      </c>
      <c r="D116" s="4" t="s">
        <v>236</v>
      </c>
      <c r="E116" s="3">
        <v>7</v>
      </c>
    </row>
    <row r="117" spans="1:5" ht="15" x14ac:dyDescent="0.25">
      <c r="A117" s="4" t="s">
        <v>384</v>
      </c>
      <c r="B117" s="4" t="s">
        <v>29</v>
      </c>
      <c r="C117" s="4" t="s">
        <v>386</v>
      </c>
      <c r="D117" s="4" t="s">
        <v>387</v>
      </c>
      <c r="E117" s="3">
        <v>8</v>
      </c>
    </row>
    <row r="118" spans="1:5" ht="15" x14ac:dyDescent="0.25">
      <c r="A118" s="4" t="s">
        <v>501</v>
      </c>
      <c r="B118" s="4" t="s">
        <v>107</v>
      </c>
      <c r="C118" s="4" t="s">
        <v>185</v>
      </c>
      <c r="D118" s="4" t="s">
        <v>502</v>
      </c>
      <c r="E118" s="3">
        <v>9</v>
      </c>
    </row>
    <row r="119" spans="1:5" ht="15" x14ac:dyDescent="0.25">
      <c r="A119" s="4" t="s">
        <v>409</v>
      </c>
      <c r="B119" s="4" t="s">
        <v>29</v>
      </c>
      <c r="C119" s="4" t="s">
        <v>411</v>
      </c>
      <c r="D119" s="4" t="s">
        <v>190</v>
      </c>
      <c r="E119" s="3">
        <v>10</v>
      </c>
    </row>
    <row r="121" spans="1:5" x14ac:dyDescent="0.2">
      <c r="A121" s="1" t="s">
        <v>339</v>
      </c>
      <c r="B121" s="3"/>
      <c r="C121" s="1" t="s">
        <v>391</v>
      </c>
    </row>
    <row r="122" spans="1:5" x14ac:dyDescent="0.2">
      <c r="A122" s="3" t="s">
        <v>430</v>
      </c>
      <c r="B122" s="3"/>
      <c r="C122" s="3">
        <v>1</v>
      </c>
    </row>
    <row r="123" spans="1:5" x14ac:dyDescent="0.2">
      <c r="A123" s="3" t="s">
        <v>1060</v>
      </c>
      <c r="B123" s="3"/>
      <c r="C123" s="3">
        <v>2</v>
      </c>
    </row>
    <row r="124" spans="1:5" x14ac:dyDescent="0.2">
      <c r="A124" s="3" t="s">
        <v>99</v>
      </c>
      <c r="B124" s="3"/>
      <c r="C124" s="3">
        <v>3</v>
      </c>
    </row>
    <row r="125" spans="1:5" x14ac:dyDescent="0.2">
      <c r="A125" s="3" t="s">
        <v>476</v>
      </c>
      <c r="B125" s="3"/>
      <c r="C125" s="3">
        <v>4</v>
      </c>
    </row>
    <row r="126" spans="1:5" x14ac:dyDescent="0.2">
      <c r="A126" s="3" t="s">
        <v>375</v>
      </c>
      <c r="B126" s="3"/>
      <c r="C126" s="3">
        <v>5</v>
      </c>
    </row>
    <row r="127" spans="1:5" x14ac:dyDescent="0.2">
      <c r="A127" s="3" t="s">
        <v>670</v>
      </c>
      <c r="B127" s="3"/>
      <c r="C127" s="3">
        <v>6</v>
      </c>
    </row>
    <row r="128" spans="1:5" x14ac:dyDescent="0.2">
      <c r="A128" s="3" t="s">
        <v>496</v>
      </c>
      <c r="B128" s="3"/>
      <c r="C128" s="3">
        <v>7</v>
      </c>
    </row>
    <row r="129" spans="1:5" x14ac:dyDescent="0.2">
      <c r="A129" s="3" t="s">
        <v>542</v>
      </c>
      <c r="B129" s="3"/>
      <c r="C129" s="3">
        <v>8</v>
      </c>
    </row>
    <row r="130" spans="1:5" x14ac:dyDescent="0.2">
      <c r="A130" s="3" t="s">
        <v>338</v>
      </c>
      <c r="B130" s="3"/>
      <c r="C130" s="3">
        <v>9</v>
      </c>
    </row>
    <row r="131" spans="1:5" x14ac:dyDescent="0.2">
      <c r="A131" s="3" t="s">
        <v>28</v>
      </c>
      <c r="B131" s="3"/>
      <c r="C131" s="3">
        <v>10</v>
      </c>
    </row>
    <row r="133" spans="1:5" x14ac:dyDescent="0.2">
      <c r="A133" s="1" t="s">
        <v>997</v>
      </c>
      <c r="B133" s="1"/>
      <c r="C133" s="1"/>
      <c r="D133" s="1"/>
      <c r="E133" s="1"/>
    </row>
    <row r="134" spans="1:5" x14ac:dyDescent="0.2">
      <c r="A134" s="3"/>
      <c r="B134" s="3"/>
      <c r="C134" s="3"/>
      <c r="D134" s="3"/>
      <c r="E134" s="1" t="s">
        <v>391</v>
      </c>
    </row>
    <row r="135" spans="1:5" ht="15" x14ac:dyDescent="0.25">
      <c r="A135" s="4" t="s">
        <v>505</v>
      </c>
      <c r="B135" s="4" t="s">
        <v>140</v>
      </c>
      <c r="C135" s="4" t="s">
        <v>34</v>
      </c>
      <c r="D135" s="4" t="s">
        <v>507</v>
      </c>
      <c r="E135" s="3">
        <v>1</v>
      </c>
    </row>
    <row r="136" spans="1:5" ht="15" x14ac:dyDescent="0.25">
      <c r="A136" s="4" t="s">
        <v>505</v>
      </c>
      <c r="B136" s="4" t="s">
        <v>140</v>
      </c>
      <c r="C136" s="4" t="s">
        <v>217</v>
      </c>
      <c r="D136" s="4" t="s">
        <v>512</v>
      </c>
      <c r="E136" s="3">
        <v>2</v>
      </c>
    </row>
    <row r="137" spans="1:5" ht="15" x14ac:dyDescent="0.25">
      <c r="A137" s="4" t="s">
        <v>1045</v>
      </c>
      <c r="B137" s="4" t="s">
        <v>1095</v>
      </c>
      <c r="C137" s="4" t="s">
        <v>705</v>
      </c>
      <c r="D137" s="4" t="s">
        <v>105</v>
      </c>
      <c r="E137" s="3">
        <v>3</v>
      </c>
    </row>
    <row r="138" spans="1:5" ht="15" x14ac:dyDescent="0.25">
      <c r="A138" s="4" t="s">
        <v>719</v>
      </c>
      <c r="B138" s="4" t="s">
        <v>234</v>
      </c>
      <c r="C138" s="4" t="s">
        <v>165</v>
      </c>
      <c r="D138" s="4" t="s">
        <v>1011</v>
      </c>
      <c r="E138" s="3">
        <v>4</v>
      </c>
    </row>
    <row r="139" spans="1:5" ht="15" x14ac:dyDescent="0.25">
      <c r="A139" s="4" t="s">
        <v>480</v>
      </c>
      <c r="B139" s="4" t="s">
        <v>18</v>
      </c>
      <c r="C139" s="4" t="s">
        <v>481</v>
      </c>
      <c r="D139" s="4" t="s">
        <v>482</v>
      </c>
      <c r="E139" s="3">
        <v>5</v>
      </c>
    </row>
    <row r="140" spans="1:5" ht="15" x14ac:dyDescent="0.25">
      <c r="A140" s="4" t="s">
        <v>613</v>
      </c>
      <c r="B140" s="4" t="s">
        <v>29</v>
      </c>
      <c r="C140" s="4" t="s">
        <v>614</v>
      </c>
      <c r="D140" s="4" t="s">
        <v>615</v>
      </c>
      <c r="E140" s="3">
        <v>6</v>
      </c>
    </row>
    <row r="141" spans="1:5" ht="15" x14ac:dyDescent="0.25">
      <c r="A141" s="4" t="s">
        <v>1087</v>
      </c>
      <c r="B141" s="4" t="s">
        <v>490</v>
      </c>
      <c r="C141" s="4" t="s">
        <v>1088</v>
      </c>
      <c r="D141" s="4" t="s">
        <v>211</v>
      </c>
      <c r="E141" s="3">
        <v>7</v>
      </c>
    </row>
    <row r="142" spans="1:5" ht="15" x14ac:dyDescent="0.25">
      <c r="A142" s="4" t="s">
        <v>451</v>
      </c>
      <c r="B142" s="4" t="s">
        <v>220</v>
      </c>
      <c r="C142" s="4" t="s">
        <v>461</v>
      </c>
      <c r="D142" s="4" t="s">
        <v>462</v>
      </c>
      <c r="E142" s="3">
        <v>8</v>
      </c>
    </row>
    <row r="143" spans="1:5" ht="15" x14ac:dyDescent="0.25">
      <c r="A143" s="4" t="s">
        <v>643</v>
      </c>
      <c r="B143" s="4" t="s">
        <v>140</v>
      </c>
      <c r="C143" s="4" t="s">
        <v>645</v>
      </c>
      <c r="D143" s="4" t="s">
        <v>646</v>
      </c>
      <c r="E143" s="3">
        <v>9</v>
      </c>
    </row>
    <row r="144" spans="1:5" ht="15" x14ac:dyDescent="0.25">
      <c r="A144" s="4" t="s">
        <v>480</v>
      </c>
      <c r="B144" s="4" t="s">
        <v>1095</v>
      </c>
      <c r="C144" s="4" t="s">
        <v>268</v>
      </c>
      <c r="D144" s="4" t="s">
        <v>483</v>
      </c>
      <c r="E144" s="3">
        <v>10</v>
      </c>
    </row>
    <row r="146" spans="1:5" x14ac:dyDescent="0.2">
      <c r="A146" s="1" t="s">
        <v>340</v>
      </c>
      <c r="B146" s="3"/>
      <c r="C146" s="3"/>
      <c r="D146" s="3"/>
      <c r="E146" s="1" t="s">
        <v>391</v>
      </c>
    </row>
    <row r="147" spans="1:5" ht="15" x14ac:dyDescent="0.25">
      <c r="A147" s="4" t="s">
        <v>505</v>
      </c>
      <c r="B147" s="4" t="s">
        <v>140</v>
      </c>
      <c r="C147" s="4" t="s">
        <v>933</v>
      </c>
      <c r="D147" s="4" t="s">
        <v>934</v>
      </c>
      <c r="E147" s="3">
        <v>1</v>
      </c>
    </row>
    <row r="148" spans="1:5" ht="15" x14ac:dyDescent="0.25">
      <c r="A148" s="4" t="s">
        <v>709</v>
      </c>
      <c r="B148" s="4" t="s">
        <v>220</v>
      </c>
      <c r="C148" s="4" t="s">
        <v>940</v>
      </c>
      <c r="D148" s="4" t="s">
        <v>941</v>
      </c>
      <c r="E148" s="3">
        <v>2</v>
      </c>
    </row>
    <row r="149" spans="1:5" ht="30" x14ac:dyDescent="0.25">
      <c r="A149" s="4" t="s">
        <v>524</v>
      </c>
      <c r="B149" s="4" t="s">
        <v>220</v>
      </c>
      <c r="C149" s="4" t="s">
        <v>341</v>
      </c>
      <c r="D149" s="4" t="s">
        <v>342</v>
      </c>
      <c r="E149" s="3">
        <v>3</v>
      </c>
    </row>
    <row r="150" spans="1:5" ht="15" x14ac:dyDescent="0.25">
      <c r="A150" s="4" t="s">
        <v>277</v>
      </c>
      <c r="B150" s="4" t="s">
        <v>29</v>
      </c>
      <c r="C150" s="4" t="s">
        <v>935</v>
      </c>
      <c r="D150" s="4" t="s">
        <v>936</v>
      </c>
      <c r="E150" s="3">
        <v>4</v>
      </c>
    </row>
    <row r="151" spans="1:5" ht="15" x14ac:dyDescent="0.25">
      <c r="A151" s="4" t="s">
        <v>36</v>
      </c>
      <c r="B151" s="4" t="s">
        <v>18</v>
      </c>
      <c r="C151" s="4" t="s">
        <v>931</v>
      </c>
      <c r="D151" s="4" t="s">
        <v>932</v>
      </c>
      <c r="E151" s="3">
        <v>5</v>
      </c>
    </row>
    <row r="152" spans="1:5" ht="15" x14ac:dyDescent="0.25">
      <c r="A152" s="4" t="s">
        <v>1067</v>
      </c>
      <c r="B152" s="4" t="s">
        <v>140</v>
      </c>
      <c r="C152" s="4" t="s">
        <v>929</v>
      </c>
      <c r="D152" s="4" t="s">
        <v>930</v>
      </c>
      <c r="E152" s="3">
        <v>6</v>
      </c>
    </row>
    <row r="153" spans="1:5" ht="30" x14ac:dyDescent="0.25">
      <c r="A153" s="4" t="s">
        <v>277</v>
      </c>
      <c r="B153" s="4" t="s">
        <v>29</v>
      </c>
      <c r="C153" s="4" t="s">
        <v>343</v>
      </c>
      <c r="D153" s="4" t="s">
        <v>942</v>
      </c>
      <c r="E153" s="3">
        <v>7</v>
      </c>
    </row>
    <row r="154" spans="1:5" ht="30" x14ac:dyDescent="0.25">
      <c r="A154" s="4" t="s">
        <v>660</v>
      </c>
      <c r="B154" s="4" t="s">
        <v>234</v>
      </c>
      <c r="C154" s="4" t="s">
        <v>344</v>
      </c>
      <c r="D154" s="4" t="s">
        <v>937</v>
      </c>
      <c r="E154" s="3">
        <v>8</v>
      </c>
    </row>
    <row r="155" spans="1:5" ht="15" x14ac:dyDescent="0.25">
      <c r="A155" s="4" t="s">
        <v>208</v>
      </c>
      <c r="B155" s="4" t="s">
        <v>18</v>
      </c>
      <c r="C155" s="4" t="s">
        <v>938</v>
      </c>
      <c r="D155" s="4" t="s">
        <v>939</v>
      </c>
      <c r="E155" s="3">
        <v>9</v>
      </c>
    </row>
    <row r="157" spans="1:5" x14ac:dyDescent="0.2">
      <c r="A157" s="1" t="s">
        <v>744</v>
      </c>
      <c r="B157" s="1"/>
      <c r="C157" s="1"/>
      <c r="D157" s="1"/>
      <c r="E157" s="1" t="s">
        <v>391</v>
      </c>
    </row>
    <row r="158" spans="1:5" ht="15" x14ac:dyDescent="0.25">
      <c r="A158" s="2" t="s">
        <v>1035</v>
      </c>
      <c r="B158" s="2" t="s">
        <v>234</v>
      </c>
      <c r="C158" s="2" t="s">
        <v>103</v>
      </c>
      <c r="D158" s="2" t="s">
        <v>249</v>
      </c>
      <c r="E158" s="3">
        <v>1</v>
      </c>
    </row>
    <row r="159" spans="1:5" ht="15" x14ac:dyDescent="0.25">
      <c r="A159" s="4" t="s">
        <v>534</v>
      </c>
      <c r="B159" s="4" t="s">
        <v>107</v>
      </c>
      <c r="C159" s="4" t="s">
        <v>536</v>
      </c>
      <c r="D159" s="4" t="s">
        <v>537</v>
      </c>
      <c r="E159" s="3">
        <v>2</v>
      </c>
    </row>
    <row r="160" spans="1:5" ht="15" x14ac:dyDescent="0.25">
      <c r="A160" s="4" t="s">
        <v>975</v>
      </c>
      <c r="B160" s="4" t="s">
        <v>234</v>
      </c>
      <c r="C160" s="4" t="s">
        <v>159</v>
      </c>
      <c r="D160" s="4" t="s">
        <v>979</v>
      </c>
      <c r="E160" s="6">
        <v>3</v>
      </c>
    </row>
    <row r="161" spans="1:5" ht="15" x14ac:dyDescent="0.25">
      <c r="A161" s="4" t="s">
        <v>724</v>
      </c>
      <c r="B161" s="4" t="s">
        <v>107</v>
      </c>
      <c r="C161" s="4" t="s">
        <v>167</v>
      </c>
      <c r="D161" s="4" t="s">
        <v>959</v>
      </c>
      <c r="E161" s="3">
        <v>4</v>
      </c>
    </row>
    <row r="162" spans="1:5" ht="15" x14ac:dyDescent="0.25">
      <c r="A162" s="4" t="s">
        <v>570</v>
      </c>
      <c r="B162" s="4" t="s">
        <v>29</v>
      </c>
      <c r="C162" s="4" t="s">
        <v>10</v>
      </c>
      <c r="D162" s="4" t="s">
        <v>580</v>
      </c>
      <c r="E162" s="3">
        <v>5</v>
      </c>
    </row>
    <row r="163" spans="1:5" ht="15" x14ac:dyDescent="0.25">
      <c r="A163" s="4" t="s">
        <v>374</v>
      </c>
      <c r="B163" s="4" t="s">
        <v>1095</v>
      </c>
      <c r="C163" s="4" t="s">
        <v>108</v>
      </c>
      <c r="D163" s="4" t="s">
        <v>599</v>
      </c>
      <c r="E163" s="3">
        <v>6</v>
      </c>
    </row>
    <row r="164" spans="1:5" ht="15" x14ac:dyDescent="0.25">
      <c r="A164" s="4" t="s">
        <v>534</v>
      </c>
      <c r="B164" s="4" t="s">
        <v>107</v>
      </c>
      <c r="C164" s="4" t="s">
        <v>318</v>
      </c>
      <c r="D164" s="4" t="s">
        <v>538</v>
      </c>
      <c r="E164" s="3">
        <v>7</v>
      </c>
    </row>
    <row r="165" spans="1:5" ht="15" x14ac:dyDescent="0.25">
      <c r="A165" s="4" t="s">
        <v>534</v>
      </c>
      <c r="B165" s="4" t="s">
        <v>107</v>
      </c>
      <c r="C165" s="4" t="s">
        <v>535</v>
      </c>
      <c r="D165" s="4" t="s">
        <v>229</v>
      </c>
      <c r="E165" s="3">
        <v>8</v>
      </c>
    </row>
    <row r="166" spans="1:5" ht="15" x14ac:dyDescent="0.25">
      <c r="A166" s="4" t="s">
        <v>255</v>
      </c>
      <c r="B166" s="4" t="s">
        <v>1095</v>
      </c>
      <c r="C166" s="4" t="s">
        <v>258</v>
      </c>
      <c r="D166" s="4" t="s">
        <v>259</v>
      </c>
      <c r="E166" s="3">
        <v>9</v>
      </c>
    </row>
    <row r="167" spans="1:5" ht="15" x14ac:dyDescent="0.25">
      <c r="A167" s="4" t="s">
        <v>617</v>
      </c>
      <c r="B167" s="4" t="s">
        <v>220</v>
      </c>
      <c r="C167" s="4" t="s">
        <v>562</v>
      </c>
      <c r="D167" s="4" t="s">
        <v>541</v>
      </c>
      <c r="E167" s="3">
        <v>10</v>
      </c>
    </row>
    <row r="169" spans="1:5" x14ac:dyDescent="0.2">
      <c r="A169" s="1" t="s">
        <v>1003</v>
      </c>
      <c r="B169" s="3"/>
      <c r="C169" s="3"/>
      <c r="D169" s="3"/>
      <c r="E169" s="1" t="s">
        <v>391</v>
      </c>
    </row>
    <row r="170" spans="1:5" ht="30" x14ac:dyDescent="0.25">
      <c r="A170" s="4" t="s">
        <v>617</v>
      </c>
      <c r="B170" s="4" t="s">
        <v>220</v>
      </c>
      <c r="C170" s="4" t="s">
        <v>917</v>
      </c>
      <c r="D170" s="4" t="s">
        <v>1004</v>
      </c>
      <c r="E170" s="3">
        <v>1</v>
      </c>
    </row>
    <row r="171" spans="1:5" ht="15" x14ac:dyDescent="0.25">
      <c r="A171" s="4" t="s">
        <v>617</v>
      </c>
      <c r="B171" s="4" t="s">
        <v>220</v>
      </c>
      <c r="C171" s="4" t="s">
        <v>927</v>
      </c>
      <c r="D171" s="4" t="s">
        <v>928</v>
      </c>
      <c r="E171" s="3">
        <v>2</v>
      </c>
    </row>
    <row r="172" spans="1:5" ht="30" x14ac:dyDescent="0.25">
      <c r="A172" s="4" t="s">
        <v>181</v>
      </c>
      <c r="B172" s="4" t="s">
        <v>18</v>
      </c>
      <c r="C172" s="4" t="s">
        <v>911</v>
      </c>
      <c r="D172" s="4" t="s">
        <v>912</v>
      </c>
      <c r="E172" s="3">
        <v>3</v>
      </c>
    </row>
    <row r="173" spans="1:5" ht="15" x14ac:dyDescent="0.25">
      <c r="A173" s="4" t="s">
        <v>975</v>
      </c>
      <c r="B173" s="4" t="s">
        <v>234</v>
      </c>
      <c r="C173" s="4" t="s">
        <v>915</v>
      </c>
      <c r="D173" s="4" t="s">
        <v>916</v>
      </c>
      <c r="E173" s="3">
        <v>4</v>
      </c>
    </row>
    <row r="174" spans="1:5" ht="15" x14ac:dyDescent="0.25">
      <c r="A174" s="4" t="s">
        <v>208</v>
      </c>
      <c r="B174" s="4" t="s">
        <v>18</v>
      </c>
      <c r="C174" s="4" t="s">
        <v>925</v>
      </c>
      <c r="D174" s="4" t="s">
        <v>926</v>
      </c>
      <c r="E174" s="3">
        <v>5</v>
      </c>
    </row>
    <row r="175" spans="1:5" ht="15" x14ac:dyDescent="0.25">
      <c r="A175" s="4" t="s">
        <v>505</v>
      </c>
      <c r="B175" s="4" t="s">
        <v>140</v>
      </c>
      <c r="C175" s="4" t="s">
        <v>918</v>
      </c>
      <c r="D175" s="4" t="s">
        <v>922</v>
      </c>
      <c r="E175" s="3">
        <v>6</v>
      </c>
    </row>
    <row r="176" spans="1:5" ht="15" x14ac:dyDescent="0.25">
      <c r="A176" s="4" t="s">
        <v>277</v>
      </c>
      <c r="B176" s="4" t="s">
        <v>29</v>
      </c>
      <c r="C176" s="4" t="s">
        <v>923</v>
      </c>
      <c r="D176" s="4" t="s">
        <v>924</v>
      </c>
      <c r="E176" s="3">
        <v>7</v>
      </c>
    </row>
    <row r="177" spans="1:5" ht="15" x14ac:dyDescent="0.25">
      <c r="A177" s="4" t="s">
        <v>570</v>
      </c>
      <c r="B177" s="4" t="s">
        <v>29</v>
      </c>
      <c r="C177" s="4" t="s">
        <v>913</v>
      </c>
      <c r="D177" s="4" t="s">
        <v>914</v>
      </c>
      <c r="E177" s="3">
        <v>8</v>
      </c>
    </row>
    <row r="179" spans="1:5" x14ac:dyDescent="0.2">
      <c r="A179" s="1" t="s">
        <v>345</v>
      </c>
      <c r="B179" s="3"/>
      <c r="C179" s="3"/>
      <c r="D179" s="3"/>
      <c r="E179" s="1" t="s">
        <v>391</v>
      </c>
    </row>
    <row r="180" spans="1:5" ht="15" x14ac:dyDescent="0.25">
      <c r="A180" s="4" t="s">
        <v>967</v>
      </c>
      <c r="B180" s="4" t="s">
        <v>490</v>
      </c>
      <c r="C180" s="4" t="s">
        <v>893</v>
      </c>
      <c r="D180" s="4" t="s">
        <v>894</v>
      </c>
      <c r="E180" s="3">
        <v>1</v>
      </c>
    </row>
    <row r="181" spans="1:5" ht="15" x14ac:dyDescent="0.25">
      <c r="A181" s="4" t="s">
        <v>570</v>
      </c>
      <c r="B181" s="4" t="s">
        <v>29</v>
      </c>
      <c r="C181" s="4" t="s">
        <v>904</v>
      </c>
      <c r="D181" s="4" t="s">
        <v>905</v>
      </c>
      <c r="E181" s="3">
        <v>2</v>
      </c>
    </row>
    <row r="182" spans="1:5" ht="15" x14ac:dyDescent="0.25">
      <c r="A182" s="4" t="s">
        <v>1066</v>
      </c>
      <c r="B182" s="4" t="s">
        <v>490</v>
      </c>
      <c r="C182" s="4" t="s">
        <v>900</v>
      </c>
      <c r="D182" s="4" t="s">
        <v>901</v>
      </c>
      <c r="E182" s="3">
        <v>3</v>
      </c>
    </row>
    <row r="183" spans="1:5" ht="15" x14ac:dyDescent="0.25">
      <c r="A183" s="4" t="s">
        <v>451</v>
      </c>
      <c r="B183" s="4" t="s">
        <v>220</v>
      </c>
      <c r="C183" s="4" t="s">
        <v>906</v>
      </c>
      <c r="D183" s="4" t="s">
        <v>907</v>
      </c>
      <c r="E183" s="3">
        <v>4</v>
      </c>
    </row>
    <row r="184" spans="1:5" ht="30" x14ac:dyDescent="0.25">
      <c r="A184" s="4" t="s">
        <v>611</v>
      </c>
      <c r="B184" s="4" t="s">
        <v>1095</v>
      </c>
      <c r="C184" s="4" t="s">
        <v>908</v>
      </c>
      <c r="D184" s="4" t="s">
        <v>347</v>
      </c>
      <c r="E184" s="3">
        <v>5</v>
      </c>
    </row>
    <row r="185" spans="1:5" ht="15" x14ac:dyDescent="0.25">
      <c r="A185" s="4" t="s">
        <v>692</v>
      </c>
      <c r="B185" s="4" t="s">
        <v>107</v>
      </c>
      <c r="C185" s="4" t="s">
        <v>902</v>
      </c>
      <c r="D185" s="4" t="s">
        <v>903</v>
      </c>
      <c r="E185" s="3">
        <v>6</v>
      </c>
    </row>
    <row r="186" spans="1:5" ht="15" x14ac:dyDescent="0.25">
      <c r="A186" s="4" t="s">
        <v>701</v>
      </c>
      <c r="B186" s="4" t="s">
        <v>140</v>
      </c>
      <c r="C186" s="4" t="s">
        <v>897</v>
      </c>
      <c r="D186" s="4" t="s">
        <v>898</v>
      </c>
      <c r="E186" s="3">
        <v>7</v>
      </c>
    </row>
    <row r="187" spans="1:5" ht="15" x14ac:dyDescent="0.25">
      <c r="A187" s="4" t="s">
        <v>692</v>
      </c>
      <c r="B187" s="4" t="s">
        <v>107</v>
      </c>
      <c r="C187" s="4" t="s">
        <v>909</v>
      </c>
      <c r="D187" s="4" t="s">
        <v>910</v>
      </c>
      <c r="E187" s="3">
        <v>8</v>
      </c>
    </row>
    <row r="188" spans="1:5" ht="30" x14ac:dyDescent="0.25">
      <c r="A188" s="4" t="s">
        <v>581</v>
      </c>
      <c r="B188" s="4" t="s">
        <v>234</v>
      </c>
      <c r="C188" s="4" t="s">
        <v>895</v>
      </c>
      <c r="D188" s="4" t="s">
        <v>896</v>
      </c>
      <c r="E188" s="3">
        <v>9</v>
      </c>
    </row>
    <row r="189" spans="1:5" ht="30" x14ac:dyDescent="0.25">
      <c r="A189" s="4" t="s">
        <v>57</v>
      </c>
      <c r="B189" s="4" t="s">
        <v>18</v>
      </c>
      <c r="C189" s="4" t="s">
        <v>899</v>
      </c>
      <c r="D189" s="4" t="s">
        <v>346</v>
      </c>
      <c r="E189" s="3">
        <v>10</v>
      </c>
    </row>
    <row r="191" spans="1:5" x14ac:dyDescent="0.2">
      <c r="A191" s="1" t="s">
        <v>129</v>
      </c>
      <c r="B191" s="3"/>
      <c r="C191" s="3"/>
      <c r="D191" s="3"/>
      <c r="E191" s="3"/>
    </row>
    <row r="192" spans="1:5" x14ac:dyDescent="0.2">
      <c r="A192" s="1"/>
      <c r="B192" s="3"/>
      <c r="C192" s="3"/>
      <c r="D192" s="3"/>
      <c r="E192" s="3"/>
    </row>
    <row r="193" spans="1:5" x14ac:dyDescent="0.2">
      <c r="A193" s="1"/>
      <c r="B193" s="3"/>
      <c r="C193" s="1" t="s">
        <v>391</v>
      </c>
      <c r="D193" s="3"/>
      <c r="E193" s="3"/>
    </row>
    <row r="194" spans="1:5" x14ac:dyDescent="0.2">
      <c r="A194" s="3" t="s">
        <v>286</v>
      </c>
      <c r="B194" s="3"/>
      <c r="C194" s="3">
        <v>1</v>
      </c>
      <c r="D194" s="3"/>
      <c r="E194" s="3"/>
    </row>
    <row r="195" spans="1:5" x14ac:dyDescent="0.2">
      <c r="A195" s="3" t="s">
        <v>288</v>
      </c>
      <c r="B195" s="3"/>
      <c r="C195" s="3">
        <v>2</v>
      </c>
      <c r="D195" s="3"/>
      <c r="E195" s="3"/>
    </row>
    <row r="196" spans="1:5" x14ac:dyDescent="0.2">
      <c r="A196" s="3" t="s">
        <v>287</v>
      </c>
      <c r="B196" s="3"/>
      <c r="C196" s="3">
        <v>3</v>
      </c>
      <c r="D196" s="3"/>
      <c r="E196" s="3"/>
    </row>
    <row r="197" spans="1:5" x14ac:dyDescent="0.2">
      <c r="A197" s="3" t="s">
        <v>289</v>
      </c>
      <c r="B197" s="3"/>
      <c r="C197" s="3">
        <v>4</v>
      </c>
      <c r="D197" s="3"/>
      <c r="E197" s="3"/>
    </row>
    <row r="198" spans="1:5" x14ac:dyDescent="0.2">
      <c r="A198" s="3" t="s">
        <v>293</v>
      </c>
      <c r="B198" s="3"/>
      <c r="C198" s="3">
        <v>5</v>
      </c>
      <c r="D198" s="3"/>
      <c r="E198" s="3"/>
    </row>
    <row r="199" spans="1:5" x14ac:dyDescent="0.2">
      <c r="A199" s="3" t="s">
        <v>291</v>
      </c>
      <c r="B199" s="3"/>
      <c r="C199" s="3">
        <v>6</v>
      </c>
      <c r="D199" s="3"/>
      <c r="E199" s="3"/>
    </row>
    <row r="200" spans="1:5" x14ac:dyDescent="0.2">
      <c r="A200" s="3" t="s">
        <v>292</v>
      </c>
      <c r="B200" s="3"/>
      <c r="C200" s="3">
        <v>7</v>
      </c>
      <c r="D200" s="3"/>
      <c r="E200" s="3"/>
    </row>
    <row r="201" spans="1:5" x14ac:dyDescent="0.2">
      <c r="A201" s="3" t="s">
        <v>484</v>
      </c>
      <c r="B201" s="3"/>
      <c r="C201" s="3">
        <v>8</v>
      </c>
      <c r="D201" s="3"/>
      <c r="E201" s="3"/>
    </row>
    <row r="202" spans="1:5" x14ac:dyDescent="0.2">
      <c r="A202" s="3" t="s">
        <v>290</v>
      </c>
      <c r="B202" s="3"/>
      <c r="C202" s="3">
        <v>9</v>
      </c>
      <c r="D202" s="3"/>
      <c r="E202" s="3"/>
    </row>
    <row r="203" spans="1:5" x14ac:dyDescent="0.2">
      <c r="A203" s="3" t="s">
        <v>294</v>
      </c>
      <c r="B203" s="3"/>
      <c r="C203" s="3">
        <v>10</v>
      </c>
      <c r="D203" s="3"/>
      <c r="E203" s="3"/>
    </row>
    <row r="205" spans="1:5" x14ac:dyDescent="0.2">
      <c r="A205" s="1" t="s">
        <v>1002</v>
      </c>
      <c r="B205" s="3"/>
      <c r="C205" s="3"/>
      <c r="D205" s="3"/>
      <c r="E205" s="1" t="s">
        <v>391</v>
      </c>
    </row>
    <row r="206" spans="1:5" ht="15" x14ac:dyDescent="0.25">
      <c r="A206" s="2" t="s">
        <v>241</v>
      </c>
      <c r="B206" s="2" t="s">
        <v>1095</v>
      </c>
      <c r="C206" s="2" t="s">
        <v>185</v>
      </c>
      <c r="D206" s="2" t="s">
        <v>35</v>
      </c>
      <c r="E206" s="3">
        <v>1</v>
      </c>
    </row>
    <row r="207" spans="1:5" ht="15" x14ac:dyDescent="0.25">
      <c r="A207" s="4" t="s">
        <v>1060</v>
      </c>
      <c r="B207" s="4" t="s">
        <v>490</v>
      </c>
      <c r="C207" s="4" t="s">
        <v>212</v>
      </c>
      <c r="D207" s="4" t="s">
        <v>1065</v>
      </c>
      <c r="E207" s="3">
        <v>2</v>
      </c>
    </row>
    <row r="208" spans="1:5" ht="15" x14ac:dyDescent="0.25">
      <c r="A208" s="4" t="s">
        <v>443</v>
      </c>
      <c r="B208" s="4" t="s">
        <v>1097</v>
      </c>
      <c r="C208" s="4" t="s">
        <v>228</v>
      </c>
      <c r="D208" s="4" t="s">
        <v>444</v>
      </c>
      <c r="E208" s="3">
        <v>3</v>
      </c>
    </row>
    <row r="209" spans="1:5" ht="15" x14ac:dyDescent="0.25">
      <c r="A209" s="4" t="s">
        <v>505</v>
      </c>
      <c r="B209" s="4" t="s">
        <v>140</v>
      </c>
      <c r="C209" s="4" t="s">
        <v>513</v>
      </c>
      <c r="D209" s="4" t="s">
        <v>514</v>
      </c>
      <c r="E209" s="3">
        <v>4</v>
      </c>
    </row>
    <row r="210" spans="1:5" ht="15" x14ac:dyDescent="0.25">
      <c r="A210" s="4" t="s">
        <v>590</v>
      </c>
      <c r="B210" s="4" t="s">
        <v>18</v>
      </c>
      <c r="C210" s="4" t="s">
        <v>96</v>
      </c>
      <c r="D210" s="4" t="s">
        <v>592</v>
      </c>
      <c r="E210" s="3">
        <v>5</v>
      </c>
    </row>
    <row r="211" spans="1:5" ht="15" x14ac:dyDescent="0.25">
      <c r="A211" s="4" t="s">
        <v>476</v>
      </c>
      <c r="B211" s="4" t="s">
        <v>1095</v>
      </c>
      <c r="C211" s="4" t="s">
        <v>376</v>
      </c>
      <c r="D211" s="4" t="s">
        <v>478</v>
      </c>
      <c r="E211" s="3">
        <v>6</v>
      </c>
    </row>
    <row r="212" spans="1:5" ht="15" x14ac:dyDescent="0.25">
      <c r="A212" s="4" t="s">
        <v>617</v>
      </c>
      <c r="B212" s="4" t="s">
        <v>220</v>
      </c>
      <c r="C212" s="4" t="s">
        <v>520</v>
      </c>
      <c r="D212" s="4" t="s">
        <v>619</v>
      </c>
      <c r="E212" s="3">
        <v>7</v>
      </c>
    </row>
    <row r="213" spans="1:5" ht="15" x14ac:dyDescent="0.25">
      <c r="A213" s="4" t="s">
        <v>191</v>
      </c>
      <c r="B213" s="4" t="s">
        <v>18</v>
      </c>
      <c r="C213" s="4" t="s">
        <v>192</v>
      </c>
      <c r="D213" s="4" t="s">
        <v>193</v>
      </c>
      <c r="E213" s="3">
        <v>8</v>
      </c>
    </row>
    <row r="214" spans="1:5" ht="15" x14ac:dyDescent="0.25">
      <c r="A214" s="4" t="s">
        <v>542</v>
      </c>
      <c r="B214" s="4" t="s">
        <v>220</v>
      </c>
      <c r="C214" s="4" t="s">
        <v>271</v>
      </c>
      <c r="D214" s="4" t="s">
        <v>563</v>
      </c>
      <c r="E214" s="3">
        <v>9</v>
      </c>
    </row>
    <row r="215" spans="1:5" ht="15" x14ac:dyDescent="0.25">
      <c r="A215" s="4" t="s">
        <v>570</v>
      </c>
      <c r="B215" s="4" t="s">
        <v>29</v>
      </c>
      <c r="C215" s="4" t="s">
        <v>304</v>
      </c>
      <c r="D215" s="4" t="s">
        <v>579</v>
      </c>
      <c r="E215" s="3">
        <v>10</v>
      </c>
    </row>
    <row r="217" spans="1:5" x14ac:dyDescent="0.2">
      <c r="A217" s="1" t="s">
        <v>998</v>
      </c>
      <c r="B217" s="3"/>
      <c r="C217" s="3"/>
      <c r="D217" s="3"/>
      <c r="E217" s="3"/>
    </row>
    <row r="218" spans="1:5" x14ac:dyDescent="0.2">
      <c r="A218" s="3"/>
      <c r="B218" s="3"/>
      <c r="C218" s="3"/>
      <c r="D218" s="3"/>
      <c r="E218" s="1" t="s">
        <v>391</v>
      </c>
    </row>
    <row r="219" spans="1:5" ht="15" x14ac:dyDescent="0.25">
      <c r="A219" s="4" t="s">
        <v>983</v>
      </c>
      <c r="B219" s="4" t="s">
        <v>490</v>
      </c>
      <c r="C219" s="4" t="s">
        <v>583</v>
      </c>
      <c r="D219" s="4" t="s">
        <v>986</v>
      </c>
      <c r="E219" s="3">
        <v>1</v>
      </c>
    </row>
    <row r="220" spans="1:5" ht="15" x14ac:dyDescent="0.25">
      <c r="A220" s="4" t="s">
        <v>235</v>
      </c>
      <c r="B220" s="4" t="s">
        <v>140</v>
      </c>
      <c r="C220" s="4" t="s">
        <v>237</v>
      </c>
      <c r="D220" s="4" t="s">
        <v>238</v>
      </c>
      <c r="E220" s="3">
        <v>2</v>
      </c>
    </row>
    <row r="221" spans="1:5" ht="15" x14ac:dyDescent="0.25">
      <c r="A221" s="4" t="s">
        <v>331</v>
      </c>
      <c r="B221" s="4" t="s">
        <v>1097</v>
      </c>
      <c r="C221" s="4" t="s">
        <v>182</v>
      </c>
      <c r="D221" s="4" t="s">
        <v>335</v>
      </c>
      <c r="E221" s="3">
        <v>3</v>
      </c>
    </row>
    <row r="222" spans="1:5" ht="15" x14ac:dyDescent="0.25">
      <c r="A222" s="4" t="s">
        <v>375</v>
      </c>
      <c r="B222" s="4" t="s">
        <v>18</v>
      </c>
      <c r="C222" s="4" t="s">
        <v>376</v>
      </c>
      <c r="D222" s="4" t="s">
        <v>377</v>
      </c>
      <c r="E222" s="3">
        <v>4</v>
      </c>
    </row>
    <row r="223" spans="1:5" ht="15" x14ac:dyDescent="0.25">
      <c r="A223" s="4" t="s">
        <v>530</v>
      </c>
      <c r="B223" s="4" t="s">
        <v>1095</v>
      </c>
      <c r="C223" s="4" t="s">
        <v>45</v>
      </c>
      <c r="D223" s="4" t="s">
        <v>533</v>
      </c>
      <c r="E223" s="3">
        <v>5</v>
      </c>
    </row>
    <row r="224" spans="1:5" ht="15" x14ac:dyDescent="0.25">
      <c r="A224" s="4" t="s">
        <v>543</v>
      </c>
      <c r="B224" s="4" t="s">
        <v>107</v>
      </c>
      <c r="C224" s="4" t="s">
        <v>548</v>
      </c>
      <c r="D224" s="4" t="s">
        <v>55</v>
      </c>
      <c r="E224" s="3">
        <v>6</v>
      </c>
    </row>
    <row r="225" spans="1:5" ht="15" x14ac:dyDescent="0.25">
      <c r="A225" s="4" t="s">
        <v>273</v>
      </c>
      <c r="B225" s="4" t="s">
        <v>107</v>
      </c>
      <c r="C225" s="4" t="s">
        <v>102</v>
      </c>
      <c r="D225" s="4" t="s">
        <v>275</v>
      </c>
      <c r="E225" s="3">
        <v>7</v>
      </c>
    </row>
    <row r="226" spans="1:5" ht="15" x14ac:dyDescent="0.25">
      <c r="A226" s="4" t="s">
        <v>1066</v>
      </c>
      <c r="B226" s="4" t="s">
        <v>490</v>
      </c>
      <c r="C226" s="4" t="s">
        <v>1071</v>
      </c>
      <c r="D226" s="4" t="s">
        <v>1072</v>
      </c>
      <c r="E226" s="3">
        <v>8</v>
      </c>
    </row>
    <row r="227" spans="1:5" ht="15" x14ac:dyDescent="0.25">
      <c r="A227" s="4" t="s">
        <v>375</v>
      </c>
      <c r="B227" s="4" t="s">
        <v>18</v>
      </c>
      <c r="C227" s="4" t="s">
        <v>378</v>
      </c>
      <c r="D227" s="4" t="s">
        <v>379</v>
      </c>
      <c r="E227" s="3">
        <v>9</v>
      </c>
    </row>
    <row r="228" spans="1:5" ht="15" x14ac:dyDescent="0.25">
      <c r="A228" s="4" t="s">
        <v>235</v>
      </c>
      <c r="B228" s="4" t="s">
        <v>140</v>
      </c>
      <c r="C228" s="4" t="s">
        <v>239</v>
      </c>
      <c r="D228" s="4" t="s">
        <v>240</v>
      </c>
      <c r="E228" s="3">
        <v>10</v>
      </c>
    </row>
    <row r="230" spans="1:5" x14ac:dyDescent="0.2">
      <c r="A230" s="1" t="s">
        <v>996</v>
      </c>
      <c r="B230" s="3"/>
      <c r="C230" s="3"/>
      <c r="D230" s="3"/>
      <c r="E230" s="3"/>
    </row>
    <row r="231" spans="1:5" x14ac:dyDescent="0.2">
      <c r="A231" s="1"/>
      <c r="B231" s="1"/>
      <c r="C231" s="1"/>
      <c r="D231" s="1"/>
      <c r="E231" s="1" t="s">
        <v>391</v>
      </c>
    </row>
    <row r="232" spans="1:5" ht="15" x14ac:dyDescent="0.25">
      <c r="A232" s="4" t="s">
        <v>430</v>
      </c>
      <c r="B232" s="4" t="s">
        <v>29</v>
      </c>
      <c r="C232" s="4" t="s">
        <v>439</v>
      </c>
      <c r="D232" s="4" t="s">
        <v>438</v>
      </c>
      <c r="E232" s="3">
        <v>1</v>
      </c>
    </row>
    <row r="233" spans="1:5" ht="15" x14ac:dyDescent="0.25">
      <c r="A233" s="4" t="s">
        <v>430</v>
      </c>
      <c r="B233" s="4" t="s">
        <v>29</v>
      </c>
      <c r="C233" s="4" t="s">
        <v>431</v>
      </c>
      <c r="D233" s="4" t="s">
        <v>432</v>
      </c>
      <c r="E233" s="3">
        <v>2</v>
      </c>
    </row>
    <row r="234" spans="1:5" ht="15" x14ac:dyDescent="0.25">
      <c r="A234" s="4" t="s">
        <v>1060</v>
      </c>
      <c r="B234" s="4" t="s">
        <v>490</v>
      </c>
      <c r="C234" s="4" t="s">
        <v>1063</v>
      </c>
      <c r="D234" s="4" t="s">
        <v>995</v>
      </c>
      <c r="E234" s="3">
        <v>3</v>
      </c>
    </row>
    <row r="235" spans="1:5" ht="15" x14ac:dyDescent="0.25">
      <c r="A235" s="4" t="s">
        <v>277</v>
      </c>
      <c r="B235" s="4" t="s">
        <v>29</v>
      </c>
      <c r="C235" s="4" t="s">
        <v>160</v>
      </c>
      <c r="D235" s="4" t="s">
        <v>314</v>
      </c>
      <c r="E235" s="3">
        <v>4</v>
      </c>
    </row>
    <row r="236" spans="1:5" ht="15" x14ac:dyDescent="0.25">
      <c r="A236" s="4" t="s">
        <v>1060</v>
      </c>
      <c r="B236" s="4" t="s">
        <v>490</v>
      </c>
      <c r="C236" s="4" t="s">
        <v>1061</v>
      </c>
      <c r="D236" s="4" t="s">
        <v>1062</v>
      </c>
      <c r="E236" s="3">
        <v>5</v>
      </c>
    </row>
    <row r="237" spans="1:5" ht="15" x14ac:dyDescent="0.25">
      <c r="A237" s="4" t="s">
        <v>1060</v>
      </c>
      <c r="B237" s="4" t="s">
        <v>490</v>
      </c>
      <c r="C237" s="4" t="s">
        <v>571</v>
      </c>
      <c r="D237" s="4" t="s">
        <v>475</v>
      </c>
      <c r="E237" s="3">
        <v>6</v>
      </c>
    </row>
    <row r="238" spans="1:5" ht="15" x14ac:dyDescent="0.25">
      <c r="A238" s="4" t="s">
        <v>139</v>
      </c>
      <c r="B238" s="4" t="s">
        <v>140</v>
      </c>
      <c r="C238" s="4" t="s">
        <v>141</v>
      </c>
      <c r="D238" s="4" t="s">
        <v>142</v>
      </c>
      <c r="E238" s="3">
        <v>7</v>
      </c>
    </row>
    <row r="239" spans="1:5" ht="15" x14ac:dyDescent="0.25">
      <c r="A239" s="4" t="s">
        <v>147</v>
      </c>
      <c r="B239" s="4" t="s">
        <v>18</v>
      </c>
      <c r="C239" s="4" t="s">
        <v>157</v>
      </c>
      <c r="D239" s="4" t="s">
        <v>158</v>
      </c>
      <c r="E239" s="3">
        <v>8</v>
      </c>
    </row>
    <row r="240" spans="1:5" ht="15" x14ac:dyDescent="0.25">
      <c r="A240" s="4" t="s">
        <v>958</v>
      </c>
      <c r="B240" s="4" t="s">
        <v>234</v>
      </c>
      <c r="C240" s="4" t="s">
        <v>336</v>
      </c>
      <c r="D240" s="4" t="s">
        <v>964</v>
      </c>
      <c r="E240" s="3">
        <v>9</v>
      </c>
    </row>
    <row r="241" spans="1:5" ht="15" x14ac:dyDescent="0.25">
      <c r="A241" s="4" t="s">
        <v>720</v>
      </c>
      <c r="B241" s="4" t="s">
        <v>140</v>
      </c>
      <c r="C241" s="4" t="s">
        <v>721</v>
      </c>
      <c r="D241" s="4" t="s">
        <v>218</v>
      </c>
      <c r="E241" s="3">
        <v>10</v>
      </c>
    </row>
    <row r="243" spans="1:5" x14ac:dyDescent="0.2">
      <c r="A243" s="1" t="s">
        <v>988</v>
      </c>
      <c r="B243" s="3"/>
      <c r="C243" s="3"/>
      <c r="D243" s="3"/>
      <c r="E243" s="3"/>
    </row>
    <row r="244" spans="1:5" x14ac:dyDescent="0.2">
      <c r="A244" s="1"/>
      <c r="B244" s="1"/>
      <c r="C244" s="1"/>
      <c r="D244" s="1"/>
      <c r="E244" s="1" t="s">
        <v>391</v>
      </c>
    </row>
    <row r="245" spans="1:5" ht="15" x14ac:dyDescent="0.25">
      <c r="A245" s="4" t="s">
        <v>1029</v>
      </c>
      <c r="B245" s="4" t="s">
        <v>1095</v>
      </c>
      <c r="C245" s="4" t="s">
        <v>466</v>
      </c>
      <c r="D245" s="4" t="s">
        <v>1032</v>
      </c>
      <c r="E245" s="3">
        <v>1</v>
      </c>
    </row>
    <row r="246" spans="1:5" ht="15" x14ac:dyDescent="0.25">
      <c r="A246" s="4" t="s">
        <v>267</v>
      </c>
      <c r="B246" s="4" t="s">
        <v>1097</v>
      </c>
      <c r="C246" s="4" t="s">
        <v>271</v>
      </c>
      <c r="D246" s="4" t="s">
        <v>272</v>
      </c>
      <c r="E246" s="3">
        <v>2</v>
      </c>
    </row>
    <row r="247" spans="1:5" ht="15" x14ac:dyDescent="0.25">
      <c r="A247" s="4" t="s">
        <v>277</v>
      </c>
      <c r="B247" s="4" t="s">
        <v>29</v>
      </c>
      <c r="C247" s="4" t="s">
        <v>148</v>
      </c>
      <c r="D247" s="4" t="s">
        <v>313</v>
      </c>
      <c r="E247" s="3">
        <v>3</v>
      </c>
    </row>
    <row r="248" spans="1:5" ht="15" x14ac:dyDescent="0.25">
      <c r="A248" s="4" t="s">
        <v>147</v>
      </c>
      <c r="B248" s="4" t="s">
        <v>18</v>
      </c>
      <c r="C248" s="4" t="s">
        <v>151</v>
      </c>
      <c r="D248" s="4" t="s">
        <v>152</v>
      </c>
      <c r="E248" s="3">
        <v>4</v>
      </c>
    </row>
    <row r="249" spans="1:5" ht="15" x14ac:dyDescent="0.25">
      <c r="A249" s="4" t="s">
        <v>542</v>
      </c>
      <c r="B249" s="4" t="s">
        <v>220</v>
      </c>
      <c r="C249" s="4" t="s">
        <v>560</v>
      </c>
      <c r="D249" s="4" t="s">
        <v>559</v>
      </c>
      <c r="E249" s="3">
        <v>5</v>
      </c>
    </row>
    <row r="250" spans="1:5" ht="15" x14ac:dyDescent="0.25">
      <c r="A250" s="4" t="s">
        <v>1020</v>
      </c>
      <c r="B250" s="4" t="s">
        <v>490</v>
      </c>
      <c r="C250" s="4" t="s">
        <v>1021</v>
      </c>
      <c r="D250" s="4" t="s">
        <v>1024</v>
      </c>
      <c r="E250" s="3">
        <v>6</v>
      </c>
    </row>
    <row r="251" spans="1:5" ht="15" x14ac:dyDescent="0.25">
      <c r="A251" s="4" t="s">
        <v>967</v>
      </c>
      <c r="B251" s="4" t="s">
        <v>490</v>
      </c>
      <c r="C251" s="4" t="s">
        <v>585</v>
      </c>
      <c r="D251" s="4" t="s">
        <v>974</v>
      </c>
      <c r="E251" s="3">
        <v>7</v>
      </c>
    </row>
    <row r="252" spans="1:5" ht="15" x14ac:dyDescent="0.25">
      <c r="A252" s="4" t="s">
        <v>409</v>
      </c>
      <c r="B252" s="4" t="s">
        <v>29</v>
      </c>
      <c r="C252" s="4" t="s">
        <v>413</v>
      </c>
      <c r="D252" s="4" t="s">
        <v>166</v>
      </c>
      <c r="E252" s="3">
        <v>8</v>
      </c>
    </row>
    <row r="253" spans="1:5" ht="15" x14ac:dyDescent="0.25">
      <c r="A253" s="4" t="s">
        <v>147</v>
      </c>
      <c r="B253" s="4" t="s">
        <v>18</v>
      </c>
      <c r="C253" s="4" t="s">
        <v>149</v>
      </c>
      <c r="D253" s="4" t="s">
        <v>150</v>
      </c>
      <c r="E253" s="3">
        <v>9</v>
      </c>
    </row>
    <row r="254" spans="1:5" ht="15" x14ac:dyDescent="0.25">
      <c r="A254" s="4" t="s">
        <v>1073</v>
      </c>
      <c r="B254" s="4" t="s">
        <v>490</v>
      </c>
      <c r="C254" s="4" t="s">
        <v>108</v>
      </c>
      <c r="D254" s="4" t="s">
        <v>989</v>
      </c>
      <c r="E254" s="3">
        <v>10</v>
      </c>
    </row>
    <row r="256" spans="1:5" x14ac:dyDescent="0.2">
      <c r="A256" s="1" t="s">
        <v>991</v>
      </c>
      <c r="B256" s="3"/>
      <c r="C256" s="3"/>
      <c r="D256" s="3"/>
      <c r="E256" s="3"/>
    </row>
    <row r="257" spans="1:5" x14ac:dyDescent="0.2">
      <c r="A257" s="3"/>
      <c r="B257" s="3"/>
      <c r="C257" s="3"/>
      <c r="D257" s="3"/>
      <c r="E257" s="1" t="s">
        <v>391</v>
      </c>
    </row>
    <row r="258" spans="1:5" ht="15" x14ac:dyDescent="0.25">
      <c r="A258" s="4" t="s">
        <v>208</v>
      </c>
      <c r="B258" s="4" t="s">
        <v>18</v>
      </c>
      <c r="C258" s="4" t="s">
        <v>209</v>
      </c>
      <c r="D258" s="4" t="s">
        <v>210</v>
      </c>
      <c r="E258" s="3">
        <v>1</v>
      </c>
    </row>
    <row r="259" spans="1:5" ht="15" x14ac:dyDescent="0.25">
      <c r="A259" s="4" t="s">
        <v>682</v>
      </c>
      <c r="B259" s="4" t="s">
        <v>220</v>
      </c>
      <c r="C259" s="4" t="s">
        <v>683</v>
      </c>
      <c r="D259" s="4" t="s">
        <v>684</v>
      </c>
      <c r="E259" s="3">
        <v>2</v>
      </c>
    </row>
    <row r="260" spans="1:5" ht="15" x14ac:dyDescent="0.25">
      <c r="A260" s="4" t="s">
        <v>1020</v>
      </c>
      <c r="B260" s="4" t="s">
        <v>490</v>
      </c>
      <c r="C260" s="4" t="s">
        <v>566</v>
      </c>
      <c r="D260" s="4" t="s">
        <v>1023</v>
      </c>
      <c r="E260" s="3">
        <v>3</v>
      </c>
    </row>
    <row r="261" spans="1:5" ht="15" x14ac:dyDescent="0.25">
      <c r="A261" s="4" t="s">
        <v>277</v>
      </c>
      <c r="B261" s="4" t="s">
        <v>29</v>
      </c>
      <c r="C261" s="4" t="s">
        <v>309</v>
      </c>
      <c r="D261" s="4" t="s">
        <v>310</v>
      </c>
      <c r="E261" s="3">
        <v>4</v>
      </c>
    </row>
    <row r="262" spans="1:5" ht="15" x14ac:dyDescent="0.25">
      <c r="A262" s="4" t="s">
        <v>277</v>
      </c>
      <c r="B262" s="4" t="s">
        <v>29</v>
      </c>
      <c r="C262" s="4" t="s">
        <v>311</v>
      </c>
      <c r="D262" s="4" t="s">
        <v>312</v>
      </c>
      <c r="E262" s="3">
        <v>5</v>
      </c>
    </row>
    <row r="263" spans="1:5" ht="15" x14ac:dyDescent="0.25">
      <c r="A263" s="4" t="s">
        <v>168</v>
      </c>
      <c r="B263" s="4" t="s">
        <v>29</v>
      </c>
      <c r="C263" s="4" t="s">
        <v>170</v>
      </c>
      <c r="D263" s="4" t="s">
        <v>171</v>
      </c>
      <c r="E263" s="3">
        <v>6</v>
      </c>
    </row>
    <row r="264" spans="1:5" ht="15" x14ac:dyDescent="0.25">
      <c r="A264" s="4" t="s">
        <v>241</v>
      </c>
      <c r="B264" s="4" t="s">
        <v>1095</v>
      </c>
      <c r="C264" s="4" t="s">
        <v>212</v>
      </c>
      <c r="D264" s="4" t="s">
        <v>254</v>
      </c>
      <c r="E264" s="3">
        <v>7</v>
      </c>
    </row>
    <row r="265" spans="1:5" ht="15" x14ac:dyDescent="0.25">
      <c r="A265" s="4" t="s">
        <v>611</v>
      </c>
      <c r="B265" s="4" t="s">
        <v>1095</v>
      </c>
      <c r="C265" s="4" t="s">
        <v>223</v>
      </c>
      <c r="D265" s="4" t="s">
        <v>644</v>
      </c>
      <c r="E265" s="3">
        <v>8</v>
      </c>
    </row>
    <row r="266" spans="1:5" ht="15" x14ac:dyDescent="0.25">
      <c r="A266" s="4" t="s">
        <v>241</v>
      </c>
      <c r="B266" s="4" t="s">
        <v>1095</v>
      </c>
      <c r="C266" s="4" t="s">
        <v>252</v>
      </c>
      <c r="D266" s="4" t="s">
        <v>253</v>
      </c>
      <c r="E266" s="3">
        <v>9</v>
      </c>
    </row>
    <row r="267" spans="1:5" ht="15" x14ac:dyDescent="0.25">
      <c r="A267" s="4" t="s">
        <v>409</v>
      </c>
      <c r="B267" s="4" t="s">
        <v>29</v>
      </c>
      <c r="C267" s="4" t="s">
        <v>412</v>
      </c>
      <c r="D267" s="4" t="s">
        <v>247</v>
      </c>
      <c r="E267" s="3">
        <v>10</v>
      </c>
    </row>
    <row r="269" spans="1:5" x14ac:dyDescent="0.2">
      <c r="A269" s="1" t="s">
        <v>138</v>
      </c>
      <c r="B269" s="1"/>
      <c r="C269" s="1"/>
      <c r="D269" s="1"/>
      <c r="E269" s="1"/>
    </row>
    <row r="270" spans="1:5" x14ac:dyDescent="0.2">
      <c r="A270" s="3"/>
      <c r="B270" s="3"/>
      <c r="C270" s="3"/>
      <c r="D270" s="3"/>
      <c r="E270" s="1" t="s">
        <v>391</v>
      </c>
    </row>
    <row r="271" spans="1:5" ht="15" x14ac:dyDescent="0.25">
      <c r="A271" s="4" t="s">
        <v>719</v>
      </c>
      <c r="B271" s="4" t="s">
        <v>234</v>
      </c>
      <c r="C271" s="4" t="s">
        <v>34</v>
      </c>
      <c r="D271" s="4" t="s">
        <v>1013</v>
      </c>
      <c r="E271" s="3">
        <v>1</v>
      </c>
    </row>
    <row r="273" spans="1:5" x14ac:dyDescent="0.2">
      <c r="A273" s="1" t="s">
        <v>398</v>
      </c>
      <c r="B273" s="3"/>
      <c r="C273" s="3"/>
      <c r="D273" s="3"/>
      <c r="E273" s="1" t="s">
        <v>391</v>
      </c>
    </row>
    <row r="274" spans="1:5" ht="15" x14ac:dyDescent="0.25">
      <c r="A274" s="4" t="s">
        <v>706</v>
      </c>
      <c r="B274" s="4" t="s">
        <v>220</v>
      </c>
      <c r="C274" s="4" t="s">
        <v>707</v>
      </c>
      <c r="D274" s="4" t="s">
        <v>708</v>
      </c>
      <c r="E274" s="7">
        <v>1</v>
      </c>
    </row>
    <row r="275" spans="1:5" ht="15" x14ac:dyDescent="0.25">
      <c r="A275" s="8" t="s">
        <v>919</v>
      </c>
      <c r="B275" s="8" t="s">
        <v>234</v>
      </c>
      <c r="C275" s="8" t="s">
        <v>665</v>
      </c>
      <c r="D275" s="8" t="s">
        <v>225</v>
      </c>
      <c r="E275" s="9">
        <v>2</v>
      </c>
    </row>
    <row r="276" spans="1:5" ht="15" x14ac:dyDescent="0.25">
      <c r="A276" s="4" t="s">
        <v>549</v>
      </c>
      <c r="B276" s="4" t="s">
        <v>140</v>
      </c>
      <c r="C276" s="4" t="s">
        <v>550</v>
      </c>
      <c r="D276" s="4" t="s">
        <v>551</v>
      </c>
      <c r="E276" s="10">
        <v>3</v>
      </c>
    </row>
    <row r="277" spans="1:5" ht="15" x14ac:dyDescent="0.25">
      <c r="A277" s="4" t="s">
        <v>617</v>
      </c>
      <c r="B277" s="4" t="s">
        <v>220</v>
      </c>
      <c r="C277" s="4" t="s">
        <v>305</v>
      </c>
      <c r="D277" s="4" t="s">
        <v>565</v>
      </c>
      <c r="E277" s="10">
        <v>4</v>
      </c>
    </row>
    <row r="278" spans="1:5" ht="15" x14ac:dyDescent="0.25">
      <c r="A278" s="4" t="s">
        <v>277</v>
      </c>
      <c r="B278" s="4" t="s">
        <v>29</v>
      </c>
      <c r="C278" s="4" t="s">
        <v>306</v>
      </c>
      <c r="D278" s="4" t="s">
        <v>231</v>
      </c>
      <c r="E278" s="10">
        <v>5</v>
      </c>
    </row>
    <row r="279" spans="1:5" ht="15" x14ac:dyDescent="0.25">
      <c r="A279" s="4" t="s">
        <v>1052</v>
      </c>
      <c r="B279" s="4" t="s">
        <v>107</v>
      </c>
      <c r="C279" s="4" t="s">
        <v>1053</v>
      </c>
      <c r="D279" s="4" t="s">
        <v>1054</v>
      </c>
      <c r="E279" s="10">
        <v>6</v>
      </c>
    </row>
    <row r="280" spans="1:5" ht="15" x14ac:dyDescent="0.25">
      <c r="A280" s="4" t="s">
        <v>723</v>
      </c>
      <c r="B280" s="4" t="s">
        <v>490</v>
      </c>
      <c r="C280" s="4" t="s">
        <v>25</v>
      </c>
      <c r="D280" s="4" t="s">
        <v>1049</v>
      </c>
      <c r="E280" s="10">
        <v>7</v>
      </c>
    </row>
    <row r="281" spans="1:5" ht="15" x14ac:dyDescent="0.25">
      <c r="A281" s="4" t="s">
        <v>1052</v>
      </c>
      <c r="B281" s="4" t="s">
        <v>107</v>
      </c>
      <c r="C281" s="4" t="s">
        <v>1055</v>
      </c>
      <c r="D281" s="4" t="s">
        <v>1056</v>
      </c>
      <c r="E281" s="10">
        <v>8</v>
      </c>
    </row>
    <row r="282" spans="1:5" ht="15" x14ac:dyDescent="0.25">
      <c r="A282" s="4" t="s">
        <v>384</v>
      </c>
      <c r="B282" s="4" t="s">
        <v>29</v>
      </c>
      <c r="C282" s="4" t="s">
        <v>232</v>
      </c>
      <c r="D282" s="4" t="s">
        <v>385</v>
      </c>
      <c r="E282" s="10">
        <v>9</v>
      </c>
    </row>
    <row r="283" spans="1:5" ht="15" x14ac:dyDescent="0.25">
      <c r="A283" s="4" t="s">
        <v>27</v>
      </c>
      <c r="B283" s="4" t="s">
        <v>18</v>
      </c>
      <c r="C283" s="4" t="s">
        <v>205</v>
      </c>
      <c r="D283" s="4" t="s">
        <v>206</v>
      </c>
      <c r="E283" s="10">
        <v>10</v>
      </c>
    </row>
    <row r="285" spans="1:5" x14ac:dyDescent="0.2">
      <c r="A285" s="11" t="s">
        <v>396</v>
      </c>
      <c r="B285" s="3"/>
      <c r="C285" s="3"/>
      <c r="D285" s="3"/>
      <c r="E285" s="1" t="s">
        <v>391</v>
      </c>
    </row>
    <row r="286" spans="1:5" ht="15" x14ac:dyDescent="0.25">
      <c r="A286" s="2" t="s">
        <v>649</v>
      </c>
      <c r="B286" s="2" t="s">
        <v>220</v>
      </c>
      <c r="C286" s="2" t="s">
        <v>332</v>
      </c>
      <c r="D286" s="2" t="s">
        <v>652</v>
      </c>
      <c r="E286" s="3">
        <v>1</v>
      </c>
    </row>
    <row r="287" spans="1:5" ht="15" x14ac:dyDescent="0.25">
      <c r="A287" s="4" t="s">
        <v>524</v>
      </c>
      <c r="B287" s="4" t="s">
        <v>220</v>
      </c>
      <c r="C287" s="4" t="s">
        <v>527</v>
      </c>
      <c r="D287" s="4" t="s">
        <v>528</v>
      </c>
      <c r="E287" s="3">
        <v>2</v>
      </c>
    </row>
    <row r="288" spans="1:5" ht="15" x14ac:dyDescent="0.25">
      <c r="A288" s="2" t="s">
        <v>476</v>
      </c>
      <c r="B288" s="2" t="s">
        <v>1095</v>
      </c>
      <c r="C288" s="2" t="s">
        <v>41</v>
      </c>
      <c r="D288" s="2" t="s">
        <v>479</v>
      </c>
      <c r="E288" s="3">
        <v>3</v>
      </c>
    </row>
    <row r="289" spans="1:5" ht="15" x14ac:dyDescent="0.25">
      <c r="A289" s="4" t="s">
        <v>505</v>
      </c>
      <c r="B289" s="4" t="s">
        <v>140</v>
      </c>
      <c r="C289" s="4" t="s">
        <v>517</v>
      </c>
      <c r="D289" s="4" t="s">
        <v>518</v>
      </c>
      <c r="E289" s="12">
        <v>4</v>
      </c>
    </row>
    <row r="290" spans="1:5" x14ac:dyDescent="0.2">
      <c r="A290" s="13" t="s">
        <v>57</v>
      </c>
      <c r="B290" s="13" t="s">
        <v>18</v>
      </c>
      <c r="C290" s="13" t="s">
        <v>34</v>
      </c>
      <c r="D290" s="13" t="s">
        <v>666</v>
      </c>
      <c r="E290" s="14">
        <v>5</v>
      </c>
    </row>
    <row r="291" spans="1:5" ht="15" x14ac:dyDescent="0.25">
      <c r="A291" s="4" t="s">
        <v>505</v>
      </c>
      <c r="B291" s="4" t="s">
        <v>140</v>
      </c>
      <c r="C291" s="4" t="s">
        <v>510</v>
      </c>
      <c r="D291" s="4" t="s">
        <v>511</v>
      </c>
      <c r="E291" s="14">
        <v>6</v>
      </c>
    </row>
    <row r="292" spans="1:5" ht="15" x14ac:dyDescent="0.25">
      <c r="A292" s="4" t="s">
        <v>277</v>
      </c>
      <c r="B292" s="4" t="s">
        <v>29</v>
      </c>
      <c r="C292" s="4" t="s">
        <v>307</v>
      </c>
      <c r="D292" s="4" t="s">
        <v>308</v>
      </c>
      <c r="E292" s="14">
        <v>7</v>
      </c>
    </row>
    <row r="293" spans="1:5" ht="15" x14ac:dyDescent="0.25">
      <c r="A293" s="4" t="s">
        <v>430</v>
      </c>
      <c r="B293" s="4" t="s">
        <v>29</v>
      </c>
      <c r="C293" s="4" t="s">
        <v>437</v>
      </c>
      <c r="D293" s="4" t="s">
        <v>156</v>
      </c>
      <c r="E293" s="14">
        <v>8</v>
      </c>
    </row>
    <row r="294" spans="1:5" ht="15" x14ac:dyDescent="0.25">
      <c r="A294" s="4" t="s">
        <v>570</v>
      </c>
      <c r="B294" s="4" t="s">
        <v>29</v>
      </c>
      <c r="C294" s="4" t="s">
        <v>577</v>
      </c>
      <c r="D294" s="4" t="s">
        <v>578</v>
      </c>
      <c r="E294" s="14">
        <v>9</v>
      </c>
    </row>
    <row r="295" spans="1:5" ht="15" x14ac:dyDescent="0.25">
      <c r="A295" s="4" t="s">
        <v>1080</v>
      </c>
      <c r="B295" s="4" t="s">
        <v>490</v>
      </c>
      <c r="C295" s="4" t="s">
        <v>214</v>
      </c>
      <c r="D295" s="4" t="s">
        <v>1086</v>
      </c>
      <c r="E295" s="14">
        <v>10</v>
      </c>
    </row>
    <row r="297" spans="1:5" x14ac:dyDescent="0.2">
      <c r="A297" s="1" t="s">
        <v>397</v>
      </c>
      <c r="B297" s="3"/>
      <c r="C297" s="3"/>
      <c r="D297" s="3"/>
      <c r="E297" s="15" t="s">
        <v>391</v>
      </c>
    </row>
    <row r="298" spans="1:5" ht="15" x14ac:dyDescent="0.25">
      <c r="A298" s="4" t="s">
        <v>1060</v>
      </c>
      <c r="B298" s="4" t="s">
        <v>490</v>
      </c>
      <c r="C298" s="4" t="s">
        <v>881</v>
      </c>
      <c r="D298" s="4" t="s">
        <v>882</v>
      </c>
      <c r="E298" s="7">
        <v>1</v>
      </c>
    </row>
    <row r="299" spans="1:5" ht="30" x14ac:dyDescent="0.25">
      <c r="A299" s="4" t="s">
        <v>724</v>
      </c>
      <c r="B299" s="4" t="s">
        <v>107</v>
      </c>
      <c r="C299" s="4" t="s">
        <v>880</v>
      </c>
      <c r="D299" s="4" t="s">
        <v>133</v>
      </c>
      <c r="E299" s="10">
        <v>2</v>
      </c>
    </row>
    <row r="300" spans="1:5" ht="15" x14ac:dyDescent="0.25">
      <c r="A300" s="4" t="s">
        <v>374</v>
      </c>
      <c r="B300" s="4" t="s">
        <v>1095</v>
      </c>
      <c r="C300" s="4" t="s">
        <v>886</v>
      </c>
      <c r="D300" s="4" t="s">
        <v>887</v>
      </c>
      <c r="E300" s="10">
        <v>3</v>
      </c>
    </row>
    <row r="301" spans="1:5" ht="15" x14ac:dyDescent="0.25">
      <c r="A301" s="4" t="s">
        <v>692</v>
      </c>
      <c r="B301" s="4" t="s">
        <v>107</v>
      </c>
      <c r="C301" s="4" t="s">
        <v>884</v>
      </c>
      <c r="D301" s="4" t="s">
        <v>885</v>
      </c>
      <c r="E301" s="10">
        <v>4</v>
      </c>
    </row>
    <row r="302" spans="1:5" ht="30" x14ac:dyDescent="0.25">
      <c r="A302" s="4" t="s">
        <v>670</v>
      </c>
      <c r="B302" s="4" t="s">
        <v>234</v>
      </c>
      <c r="C302" s="4" t="s">
        <v>135</v>
      </c>
      <c r="D302" s="4" t="s">
        <v>883</v>
      </c>
      <c r="E302" s="10">
        <v>5</v>
      </c>
    </row>
    <row r="303" spans="1:5" ht="30" x14ac:dyDescent="0.25">
      <c r="A303" s="4" t="s">
        <v>720</v>
      </c>
      <c r="B303" s="4" t="s">
        <v>140</v>
      </c>
      <c r="C303" s="4" t="s">
        <v>136</v>
      </c>
      <c r="D303" s="4" t="s">
        <v>134</v>
      </c>
      <c r="E303" s="10">
        <v>6</v>
      </c>
    </row>
    <row r="304" spans="1:5" ht="30" x14ac:dyDescent="0.25">
      <c r="A304" s="4" t="s">
        <v>277</v>
      </c>
      <c r="B304" s="4" t="s">
        <v>29</v>
      </c>
      <c r="C304" s="4" t="s">
        <v>137</v>
      </c>
      <c r="D304" s="4" t="s">
        <v>890</v>
      </c>
      <c r="E304" s="10">
        <v>7</v>
      </c>
    </row>
    <row r="305" spans="1:5" ht="15" x14ac:dyDescent="0.25">
      <c r="A305" s="4" t="s">
        <v>1045</v>
      </c>
      <c r="B305" s="4" t="s">
        <v>1095</v>
      </c>
      <c r="C305" s="4" t="s">
        <v>888</v>
      </c>
      <c r="D305" s="4" t="s">
        <v>889</v>
      </c>
      <c r="E305" s="10">
        <v>8</v>
      </c>
    </row>
    <row r="306" spans="1:5" ht="15" x14ac:dyDescent="0.25">
      <c r="A306" s="4" t="s">
        <v>208</v>
      </c>
      <c r="B306" s="4" t="s">
        <v>18</v>
      </c>
      <c r="C306" s="4" t="s">
        <v>891</v>
      </c>
      <c r="D306" s="4" t="s">
        <v>892</v>
      </c>
      <c r="E306" s="10">
        <v>9</v>
      </c>
    </row>
    <row r="308" spans="1:5" x14ac:dyDescent="0.2">
      <c r="A308" s="1" t="s">
        <v>354</v>
      </c>
      <c r="B308" s="3"/>
      <c r="C308" s="3"/>
      <c r="D308" s="3"/>
      <c r="E308" s="1" t="s">
        <v>391</v>
      </c>
    </row>
    <row r="309" spans="1:5" ht="15" x14ac:dyDescent="0.25">
      <c r="A309" s="4" t="s">
        <v>1089</v>
      </c>
      <c r="B309" s="4" t="s">
        <v>490</v>
      </c>
      <c r="C309" s="4" t="s">
        <v>675</v>
      </c>
      <c r="D309" s="4" t="s">
        <v>1090</v>
      </c>
      <c r="E309" s="3">
        <v>1</v>
      </c>
    </row>
    <row r="310" spans="1:5" ht="15" x14ac:dyDescent="0.25">
      <c r="A310" s="4" t="s">
        <v>611</v>
      </c>
      <c r="B310" s="4" t="s">
        <v>1095</v>
      </c>
      <c r="C310" s="4" t="s">
        <v>266</v>
      </c>
      <c r="D310" s="4" t="s">
        <v>616</v>
      </c>
      <c r="E310" s="3">
        <v>2</v>
      </c>
    </row>
    <row r="311" spans="1:5" ht="15" x14ac:dyDescent="0.25">
      <c r="A311" s="4" t="s">
        <v>178</v>
      </c>
      <c r="B311" s="4" t="s">
        <v>29</v>
      </c>
      <c r="C311" s="4" t="s">
        <v>680</v>
      </c>
      <c r="D311" s="4" t="s">
        <v>681</v>
      </c>
      <c r="E311" s="3">
        <v>3</v>
      </c>
    </row>
    <row r="312" spans="1:5" ht="15" x14ac:dyDescent="0.25">
      <c r="A312" s="4" t="s">
        <v>139</v>
      </c>
      <c r="B312" s="4" t="s">
        <v>140</v>
      </c>
      <c r="C312" s="4" t="s">
        <v>305</v>
      </c>
      <c r="D312" s="4" t="s">
        <v>11</v>
      </c>
      <c r="E312" s="3">
        <v>4</v>
      </c>
    </row>
    <row r="313" spans="1:5" ht="15" x14ac:dyDescent="0.25">
      <c r="A313" s="4" t="s">
        <v>476</v>
      </c>
      <c r="B313" s="4" t="s">
        <v>1095</v>
      </c>
      <c r="C313" s="4" t="s">
        <v>97</v>
      </c>
      <c r="D313" s="4" t="s">
        <v>485</v>
      </c>
      <c r="E313" s="3">
        <v>5</v>
      </c>
    </row>
    <row r="314" spans="1:5" ht="15" x14ac:dyDescent="0.25">
      <c r="A314" s="4" t="s">
        <v>425</v>
      </c>
      <c r="B314" s="4" t="s">
        <v>1095</v>
      </c>
      <c r="C314" s="4" t="s">
        <v>368</v>
      </c>
      <c r="D314" s="4" t="s">
        <v>426</v>
      </c>
      <c r="E314" s="3">
        <v>6</v>
      </c>
    </row>
    <row r="315" spans="1:5" ht="15" x14ac:dyDescent="0.25">
      <c r="A315" s="4" t="s">
        <v>958</v>
      </c>
      <c r="B315" s="4" t="s">
        <v>234</v>
      </c>
      <c r="C315" s="4" t="s">
        <v>961</v>
      </c>
      <c r="D315" s="4" t="s">
        <v>962</v>
      </c>
      <c r="E315" s="3">
        <v>7</v>
      </c>
    </row>
    <row r="316" spans="1:5" ht="15" x14ac:dyDescent="0.25">
      <c r="A316" s="4" t="s">
        <v>486</v>
      </c>
      <c r="B316" s="4" t="s">
        <v>140</v>
      </c>
      <c r="C316" s="4" t="s">
        <v>198</v>
      </c>
      <c r="D316" s="4" t="s">
        <v>487</v>
      </c>
      <c r="E316" s="3">
        <v>8</v>
      </c>
    </row>
    <row r="317" spans="1:5" ht="15" x14ac:dyDescent="0.25">
      <c r="A317" s="4" t="s">
        <v>1035</v>
      </c>
      <c r="B317" s="4" t="s">
        <v>234</v>
      </c>
      <c r="C317" s="4" t="s">
        <v>183</v>
      </c>
      <c r="D317" s="4" t="s">
        <v>35</v>
      </c>
      <c r="E317" s="3">
        <v>9</v>
      </c>
    </row>
    <row r="319" spans="1:5" x14ac:dyDescent="0.2">
      <c r="A319" s="1" t="s">
        <v>990</v>
      </c>
      <c r="B319" s="1"/>
      <c r="C319" s="1"/>
      <c r="D319" s="1"/>
      <c r="E319" s="1"/>
    </row>
    <row r="320" spans="1:5" x14ac:dyDescent="0.2">
      <c r="A320" s="3"/>
      <c r="B320" s="3"/>
      <c r="C320" s="3"/>
      <c r="D320" s="3"/>
      <c r="E320" s="1" t="s">
        <v>391</v>
      </c>
    </row>
    <row r="321" spans="1:5" ht="15" x14ac:dyDescent="0.25">
      <c r="A321" s="4" t="s">
        <v>430</v>
      </c>
      <c r="B321" s="4" t="s">
        <v>29</v>
      </c>
      <c r="C321" s="4" t="s">
        <v>435</v>
      </c>
      <c r="D321" s="4" t="s">
        <v>436</v>
      </c>
      <c r="E321" s="3">
        <v>1</v>
      </c>
    </row>
    <row r="322" spans="1:5" ht="15" x14ac:dyDescent="0.25">
      <c r="A322" s="4" t="s">
        <v>1020</v>
      </c>
      <c r="B322" s="4" t="s">
        <v>490</v>
      </c>
      <c r="C322" s="4" t="s">
        <v>454</v>
      </c>
      <c r="D322" s="4" t="s">
        <v>558</v>
      </c>
      <c r="E322" s="3">
        <v>2</v>
      </c>
    </row>
    <row r="323" spans="1:5" ht="15" x14ac:dyDescent="0.25">
      <c r="A323" s="4" t="s">
        <v>958</v>
      </c>
      <c r="B323" s="4" t="s">
        <v>234</v>
      </c>
      <c r="C323" s="4" t="s">
        <v>47</v>
      </c>
      <c r="D323" s="4" t="s">
        <v>960</v>
      </c>
      <c r="E323" s="3">
        <v>3</v>
      </c>
    </row>
    <row r="324" spans="1:5" ht="15" x14ac:dyDescent="0.25">
      <c r="A324" s="4" t="s">
        <v>1060</v>
      </c>
      <c r="B324" s="4" t="s">
        <v>490</v>
      </c>
      <c r="C324" s="4" t="s">
        <v>41</v>
      </c>
      <c r="D324" s="4" t="s">
        <v>1064</v>
      </c>
      <c r="E324" s="3">
        <v>4</v>
      </c>
    </row>
    <row r="325" spans="1:5" ht="15" x14ac:dyDescent="0.25">
      <c r="A325" s="4" t="s">
        <v>542</v>
      </c>
      <c r="B325" s="4" t="s">
        <v>220</v>
      </c>
      <c r="C325" s="4" t="s">
        <v>167</v>
      </c>
      <c r="D325" s="4" t="s">
        <v>561</v>
      </c>
      <c r="E325" s="3">
        <v>5</v>
      </c>
    </row>
    <row r="326" spans="1:5" ht="15" x14ac:dyDescent="0.25">
      <c r="A326" s="4" t="s">
        <v>505</v>
      </c>
      <c r="B326" s="4" t="s">
        <v>140</v>
      </c>
      <c r="C326" s="4" t="s">
        <v>149</v>
      </c>
      <c r="D326" s="4" t="s">
        <v>519</v>
      </c>
      <c r="E326" s="3">
        <v>6</v>
      </c>
    </row>
    <row r="327" spans="1:5" ht="15" x14ac:dyDescent="0.25">
      <c r="A327" s="4" t="s">
        <v>486</v>
      </c>
      <c r="B327" s="4" t="s">
        <v>140</v>
      </c>
      <c r="C327" s="4" t="s">
        <v>423</v>
      </c>
      <c r="D327" s="4" t="s">
        <v>488</v>
      </c>
      <c r="E327" s="3">
        <v>7</v>
      </c>
    </row>
    <row r="328" spans="1:5" ht="15" x14ac:dyDescent="0.25">
      <c r="A328" s="4" t="s">
        <v>542</v>
      </c>
      <c r="B328" s="4" t="s">
        <v>220</v>
      </c>
      <c r="C328" s="4" t="s">
        <v>520</v>
      </c>
      <c r="D328" s="4" t="s">
        <v>568</v>
      </c>
      <c r="E328" s="3">
        <v>8</v>
      </c>
    </row>
    <row r="329" spans="1:5" ht="15" x14ac:dyDescent="0.25">
      <c r="A329" s="4" t="s">
        <v>57</v>
      </c>
      <c r="B329" s="4" t="s">
        <v>18</v>
      </c>
      <c r="C329" s="4" t="s">
        <v>84</v>
      </c>
      <c r="D329" s="4" t="s">
        <v>85</v>
      </c>
      <c r="E329" s="3">
        <v>9</v>
      </c>
    </row>
    <row r="330" spans="1:5" ht="15" x14ac:dyDescent="0.25">
      <c r="A330" s="4" t="s">
        <v>315</v>
      </c>
      <c r="B330" s="4" t="s">
        <v>18</v>
      </c>
      <c r="C330" s="4" t="s">
        <v>324</v>
      </c>
      <c r="D330" s="4" t="s">
        <v>325</v>
      </c>
      <c r="E330" s="3">
        <v>10</v>
      </c>
    </row>
    <row r="332" spans="1:5" x14ac:dyDescent="0.2">
      <c r="A332" s="1" t="s">
        <v>399</v>
      </c>
      <c r="B332" s="3"/>
      <c r="C332" s="3"/>
      <c r="D332" s="3"/>
      <c r="E332" s="15" t="s">
        <v>391</v>
      </c>
    </row>
    <row r="333" spans="1:5" ht="15" x14ac:dyDescent="0.25">
      <c r="A333" s="4" t="s">
        <v>963</v>
      </c>
      <c r="B333" s="4" t="s">
        <v>234</v>
      </c>
      <c r="C333" s="4" t="s">
        <v>870</v>
      </c>
      <c r="D333" s="4" t="s">
        <v>871</v>
      </c>
      <c r="E333" s="7">
        <v>1</v>
      </c>
    </row>
    <row r="334" spans="1:5" ht="15" x14ac:dyDescent="0.25">
      <c r="A334" s="4" t="s">
        <v>1029</v>
      </c>
      <c r="B334" s="4" t="s">
        <v>1095</v>
      </c>
      <c r="C334" s="4" t="s">
        <v>864</v>
      </c>
      <c r="D334" s="4" t="s">
        <v>865</v>
      </c>
      <c r="E334" s="10">
        <v>2</v>
      </c>
    </row>
    <row r="335" spans="1:5" ht="15" x14ac:dyDescent="0.25">
      <c r="A335" s="4" t="s">
        <v>388</v>
      </c>
      <c r="B335" s="4" t="s">
        <v>1097</v>
      </c>
      <c r="C335" s="4" t="s">
        <v>876</v>
      </c>
      <c r="D335" s="4" t="s">
        <v>877</v>
      </c>
      <c r="E335" s="10">
        <v>3</v>
      </c>
    </row>
    <row r="336" spans="1:5" ht="15" x14ac:dyDescent="0.25">
      <c r="A336" s="4" t="s">
        <v>542</v>
      </c>
      <c r="B336" s="4" t="s">
        <v>220</v>
      </c>
      <c r="C336" s="4" t="s">
        <v>866</v>
      </c>
      <c r="D336" s="4" t="s">
        <v>867</v>
      </c>
      <c r="E336" s="10">
        <v>4</v>
      </c>
    </row>
    <row r="337" spans="1:5" ht="15" x14ac:dyDescent="0.25">
      <c r="A337" s="4" t="s">
        <v>589</v>
      </c>
      <c r="B337" s="4" t="s">
        <v>29</v>
      </c>
      <c r="C337" s="4" t="s">
        <v>874</v>
      </c>
      <c r="D337" s="4" t="s">
        <v>875</v>
      </c>
      <c r="E337" s="10">
        <v>5</v>
      </c>
    </row>
    <row r="338" spans="1:5" ht="15" x14ac:dyDescent="0.25">
      <c r="A338" s="4" t="s">
        <v>277</v>
      </c>
      <c r="B338" s="4" t="s">
        <v>29</v>
      </c>
      <c r="C338" s="4" t="s">
        <v>872</v>
      </c>
      <c r="D338" s="4" t="s">
        <v>873</v>
      </c>
      <c r="E338" s="10">
        <v>6</v>
      </c>
    </row>
    <row r="339" spans="1:5" ht="15" x14ac:dyDescent="0.25">
      <c r="A339" s="4" t="s">
        <v>524</v>
      </c>
      <c r="B339" s="4" t="s">
        <v>220</v>
      </c>
      <c r="C339" s="4" t="s">
        <v>868</v>
      </c>
      <c r="D339" s="4" t="s">
        <v>869</v>
      </c>
      <c r="E339" s="10">
        <v>7</v>
      </c>
    </row>
    <row r="340" spans="1:5" ht="15" x14ac:dyDescent="0.25">
      <c r="A340" s="4" t="s">
        <v>967</v>
      </c>
      <c r="B340" s="4" t="s">
        <v>490</v>
      </c>
      <c r="C340" s="4" t="s">
        <v>878</v>
      </c>
      <c r="D340" s="4" t="s">
        <v>879</v>
      </c>
      <c r="E340" s="10">
        <v>8</v>
      </c>
    </row>
    <row r="341" spans="1:5" ht="30" x14ac:dyDescent="0.25">
      <c r="A341" s="4" t="s">
        <v>587</v>
      </c>
      <c r="B341" s="4" t="s">
        <v>1097</v>
      </c>
      <c r="C341" s="4" t="s">
        <v>863</v>
      </c>
      <c r="D341" s="4" t="s">
        <v>400</v>
      </c>
      <c r="E341" s="10">
        <v>9</v>
      </c>
    </row>
    <row r="343" spans="1:5" x14ac:dyDescent="0.2">
      <c r="A343" s="1" t="s">
        <v>360</v>
      </c>
      <c r="B343" s="3"/>
      <c r="C343" s="3"/>
      <c r="D343" s="3"/>
      <c r="E343" s="1" t="s">
        <v>391</v>
      </c>
    </row>
    <row r="344" spans="1:5" ht="15" x14ac:dyDescent="0.25">
      <c r="A344" s="4" t="s">
        <v>542</v>
      </c>
      <c r="B344" s="4" t="s">
        <v>220</v>
      </c>
      <c r="C344" s="4" t="s">
        <v>853</v>
      </c>
      <c r="D344" s="4" t="s">
        <v>854</v>
      </c>
      <c r="E344" s="3">
        <v>1</v>
      </c>
    </row>
    <row r="345" spans="1:5" ht="15" x14ac:dyDescent="0.25">
      <c r="A345" s="4" t="s">
        <v>241</v>
      </c>
      <c r="B345" s="4" t="s">
        <v>1095</v>
      </c>
      <c r="C345" s="4" t="s">
        <v>861</v>
      </c>
      <c r="D345" s="4" t="s">
        <v>862</v>
      </c>
      <c r="E345" s="3">
        <v>2</v>
      </c>
    </row>
    <row r="346" spans="1:5" ht="15" x14ac:dyDescent="0.25">
      <c r="A346" s="4" t="s">
        <v>36</v>
      </c>
      <c r="B346" s="4" t="s">
        <v>18</v>
      </c>
      <c r="C346" s="4" t="s">
        <v>848</v>
      </c>
      <c r="D346" s="4" t="s">
        <v>849</v>
      </c>
      <c r="E346" s="3">
        <v>3</v>
      </c>
    </row>
    <row r="347" spans="1:5" ht="15" x14ac:dyDescent="0.25">
      <c r="A347" s="4" t="s">
        <v>612</v>
      </c>
      <c r="B347" s="4" t="s">
        <v>140</v>
      </c>
      <c r="C347" s="4" t="s">
        <v>846</v>
      </c>
      <c r="D347" s="4" t="s">
        <v>847</v>
      </c>
      <c r="E347" s="3">
        <v>4</v>
      </c>
    </row>
    <row r="348" spans="1:5" ht="15" x14ac:dyDescent="0.25">
      <c r="A348" s="4" t="s">
        <v>27</v>
      </c>
      <c r="B348" s="4" t="s">
        <v>18</v>
      </c>
      <c r="C348" s="4" t="s">
        <v>850</v>
      </c>
      <c r="D348" s="4" t="s">
        <v>851</v>
      </c>
      <c r="E348" s="3">
        <v>5</v>
      </c>
    </row>
    <row r="349" spans="1:5" ht="15" x14ac:dyDescent="0.25">
      <c r="A349" s="4" t="s">
        <v>623</v>
      </c>
      <c r="B349" s="4" t="s">
        <v>1097</v>
      </c>
      <c r="C349" s="4" t="s">
        <v>859</v>
      </c>
      <c r="D349" s="4" t="s">
        <v>860</v>
      </c>
      <c r="E349" s="3">
        <v>6</v>
      </c>
    </row>
    <row r="350" spans="1:5" ht="30" x14ac:dyDescent="0.25">
      <c r="A350" s="4" t="s">
        <v>409</v>
      </c>
      <c r="B350" s="4" t="s">
        <v>29</v>
      </c>
      <c r="C350" s="4" t="s">
        <v>852</v>
      </c>
      <c r="D350" s="4" t="s">
        <v>361</v>
      </c>
      <c r="E350" s="3">
        <v>7</v>
      </c>
    </row>
    <row r="351" spans="1:5" ht="30" x14ac:dyDescent="0.25">
      <c r="A351" s="4" t="s">
        <v>958</v>
      </c>
      <c r="B351" s="4" t="s">
        <v>1095</v>
      </c>
      <c r="C351" s="4" t="s">
        <v>845</v>
      </c>
      <c r="D351" s="4" t="s">
        <v>362</v>
      </c>
      <c r="E351" s="3">
        <v>8</v>
      </c>
    </row>
    <row r="352" spans="1:5" ht="30" x14ac:dyDescent="0.25">
      <c r="A352" s="4" t="s">
        <v>524</v>
      </c>
      <c r="B352" s="4" t="s">
        <v>220</v>
      </c>
      <c r="C352" s="4" t="s">
        <v>855</v>
      </c>
      <c r="D352" s="4" t="s">
        <v>856</v>
      </c>
      <c r="E352" s="3">
        <v>9</v>
      </c>
    </row>
    <row r="353" spans="1:5" ht="15" x14ac:dyDescent="0.25">
      <c r="A353" s="4" t="s">
        <v>723</v>
      </c>
      <c r="B353" s="4" t="s">
        <v>490</v>
      </c>
      <c r="C353" s="4" t="s">
        <v>857</v>
      </c>
      <c r="D353" s="4" t="s">
        <v>858</v>
      </c>
      <c r="E353" s="3">
        <v>10</v>
      </c>
    </row>
    <row r="355" spans="1:5" x14ac:dyDescent="0.2">
      <c r="A355" s="1" t="s">
        <v>128</v>
      </c>
      <c r="B355" s="3"/>
      <c r="C355" s="3"/>
      <c r="D355" s="3"/>
      <c r="E355" s="3"/>
    </row>
    <row r="356" spans="1:5" x14ac:dyDescent="0.2">
      <c r="A356" s="3"/>
      <c r="B356" s="3"/>
      <c r="C356" s="3"/>
      <c r="D356" s="3"/>
      <c r="E356" s="1" t="s">
        <v>391</v>
      </c>
    </row>
    <row r="357" spans="1:5" ht="15" x14ac:dyDescent="0.25">
      <c r="A357" s="4" t="s">
        <v>36</v>
      </c>
      <c r="B357" s="4" t="s">
        <v>18</v>
      </c>
      <c r="C357" s="4" t="s">
        <v>42</v>
      </c>
      <c r="D357" s="4" t="s">
        <v>43</v>
      </c>
      <c r="E357" s="3">
        <v>1</v>
      </c>
    </row>
    <row r="358" spans="1:5" ht="15" x14ac:dyDescent="0.25">
      <c r="A358" s="4" t="s">
        <v>714</v>
      </c>
      <c r="B358" s="4" t="s">
        <v>234</v>
      </c>
      <c r="C358" s="4" t="s">
        <v>212</v>
      </c>
      <c r="D358" s="4" t="s">
        <v>715</v>
      </c>
      <c r="E358" s="3">
        <v>2</v>
      </c>
    </row>
    <row r="359" spans="1:5" ht="15" x14ac:dyDescent="0.25">
      <c r="A359" s="4" t="s">
        <v>384</v>
      </c>
      <c r="B359" s="4" t="s">
        <v>29</v>
      </c>
      <c r="C359" s="4" t="s">
        <v>316</v>
      </c>
      <c r="D359" s="4" t="s">
        <v>323</v>
      </c>
      <c r="E359" s="3">
        <v>3</v>
      </c>
    </row>
    <row r="360" spans="1:5" ht="15" x14ac:dyDescent="0.25">
      <c r="A360" s="4" t="s">
        <v>521</v>
      </c>
      <c r="B360" s="4" t="s">
        <v>140</v>
      </c>
      <c r="C360" s="4" t="s">
        <v>522</v>
      </c>
      <c r="D360" s="4" t="s">
        <v>523</v>
      </c>
      <c r="E360" s="3">
        <v>4</v>
      </c>
    </row>
    <row r="361" spans="1:5" ht="15" x14ac:dyDescent="0.25">
      <c r="A361" s="4" t="s">
        <v>57</v>
      </c>
      <c r="B361" s="4" t="s">
        <v>18</v>
      </c>
      <c r="C361" s="4" t="s">
        <v>88</v>
      </c>
      <c r="D361" s="4" t="s">
        <v>89</v>
      </c>
      <c r="E361" s="3">
        <v>5</v>
      </c>
    </row>
    <row r="362" spans="1:5" ht="15" x14ac:dyDescent="0.25">
      <c r="A362" s="4" t="s">
        <v>521</v>
      </c>
      <c r="B362" s="4" t="s">
        <v>140</v>
      </c>
      <c r="C362" s="4" t="s">
        <v>389</v>
      </c>
      <c r="D362" s="4" t="s">
        <v>13</v>
      </c>
      <c r="E362" s="3">
        <v>6</v>
      </c>
    </row>
    <row r="363" spans="1:5" ht="15" x14ac:dyDescent="0.25">
      <c r="A363" s="4" t="s">
        <v>430</v>
      </c>
      <c r="B363" s="4" t="s">
        <v>29</v>
      </c>
      <c r="C363" s="4" t="s">
        <v>440</v>
      </c>
      <c r="D363" s="4" t="s">
        <v>442</v>
      </c>
      <c r="E363" s="3">
        <v>7</v>
      </c>
    </row>
    <row r="364" spans="1:5" ht="15" x14ac:dyDescent="0.25">
      <c r="A364" s="4" t="s">
        <v>678</v>
      </c>
      <c r="B364" s="4" t="s">
        <v>107</v>
      </c>
      <c r="C364" s="4" t="s">
        <v>410</v>
      </c>
      <c r="D364" s="4" t="s">
        <v>679</v>
      </c>
      <c r="E364" s="3">
        <v>8</v>
      </c>
    </row>
    <row r="365" spans="1:5" ht="15" x14ac:dyDescent="0.25">
      <c r="A365" s="4" t="s">
        <v>451</v>
      </c>
      <c r="B365" s="4" t="s">
        <v>220</v>
      </c>
      <c r="C365" s="4" t="s">
        <v>459</v>
      </c>
      <c r="D365" s="4" t="s">
        <v>460</v>
      </c>
      <c r="E365" s="3">
        <v>9</v>
      </c>
    </row>
    <row r="366" spans="1:5" ht="15" x14ac:dyDescent="0.25">
      <c r="A366" s="4" t="s">
        <v>382</v>
      </c>
      <c r="B366" s="4" t="s">
        <v>220</v>
      </c>
      <c r="C366" s="4" t="s">
        <v>97</v>
      </c>
      <c r="D366" s="4" t="s">
        <v>383</v>
      </c>
      <c r="E366" s="3">
        <v>10</v>
      </c>
    </row>
    <row r="368" spans="1:5" x14ac:dyDescent="0.2">
      <c r="A368" s="1" t="s">
        <v>999</v>
      </c>
      <c r="B368" s="3"/>
      <c r="C368" s="3"/>
      <c r="D368" s="3"/>
      <c r="E368" s="1" t="s">
        <v>391</v>
      </c>
    </row>
    <row r="369" spans="1:5" x14ac:dyDescent="0.2">
      <c r="A369" s="3"/>
      <c r="B369" s="3"/>
      <c r="C369" s="3"/>
      <c r="D369" s="3"/>
      <c r="E369" s="3"/>
    </row>
    <row r="370" spans="1:5" ht="15" x14ac:dyDescent="0.25">
      <c r="A370" s="4" t="s">
        <v>1080</v>
      </c>
      <c r="B370" s="4" t="s">
        <v>490</v>
      </c>
      <c r="C370" s="4" t="s">
        <v>1081</v>
      </c>
      <c r="D370" s="4" t="s">
        <v>1082</v>
      </c>
      <c r="E370" s="3">
        <v>1</v>
      </c>
    </row>
    <row r="371" spans="1:5" ht="15" x14ac:dyDescent="0.25">
      <c r="A371" s="4" t="s">
        <v>654</v>
      </c>
      <c r="B371" s="4" t="s">
        <v>220</v>
      </c>
      <c r="C371" s="4" t="s">
        <v>363</v>
      </c>
      <c r="D371" s="4" t="s">
        <v>655</v>
      </c>
      <c r="E371" s="3">
        <v>2</v>
      </c>
    </row>
    <row r="372" spans="1:5" ht="15" x14ac:dyDescent="0.25">
      <c r="A372" s="4" t="s">
        <v>1035</v>
      </c>
      <c r="B372" s="4" t="s">
        <v>234</v>
      </c>
      <c r="C372" s="4" t="s">
        <v>53</v>
      </c>
      <c r="D372" s="4" t="s">
        <v>1036</v>
      </c>
      <c r="E372" s="3">
        <v>3</v>
      </c>
    </row>
    <row r="373" spans="1:5" ht="15" x14ac:dyDescent="0.25">
      <c r="A373" s="4" t="s">
        <v>1035</v>
      </c>
      <c r="B373" s="4" t="s">
        <v>234</v>
      </c>
      <c r="C373" s="4" t="s">
        <v>1037</v>
      </c>
      <c r="D373" s="4" t="s">
        <v>1038</v>
      </c>
      <c r="E373" s="3">
        <v>4</v>
      </c>
    </row>
    <row r="374" spans="1:5" ht="15" x14ac:dyDescent="0.25">
      <c r="A374" s="4" t="s">
        <v>1080</v>
      </c>
      <c r="B374" s="4" t="s">
        <v>490</v>
      </c>
      <c r="C374" s="4" t="s">
        <v>212</v>
      </c>
      <c r="D374" s="4" t="s">
        <v>1083</v>
      </c>
      <c r="E374" s="3">
        <v>5</v>
      </c>
    </row>
    <row r="375" spans="1:5" ht="15" x14ac:dyDescent="0.25">
      <c r="A375" s="4" t="s">
        <v>172</v>
      </c>
      <c r="B375" s="4" t="s">
        <v>1095</v>
      </c>
      <c r="C375" s="4" t="s">
        <v>101</v>
      </c>
      <c r="D375" s="4" t="s">
        <v>177</v>
      </c>
      <c r="E375" s="3">
        <v>6</v>
      </c>
    </row>
    <row r="376" spans="1:5" ht="30" x14ac:dyDescent="0.25">
      <c r="A376" s="4" t="s">
        <v>722</v>
      </c>
      <c r="B376" s="4" t="s">
        <v>220</v>
      </c>
      <c r="C376" s="4" t="s">
        <v>334</v>
      </c>
      <c r="D376" s="4" t="s">
        <v>725</v>
      </c>
      <c r="E376" s="3">
        <v>7</v>
      </c>
    </row>
    <row r="377" spans="1:5" ht="15" x14ac:dyDescent="0.25">
      <c r="A377" s="4" t="s">
        <v>967</v>
      </c>
      <c r="B377" s="4" t="s">
        <v>490</v>
      </c>
      <c r="C377" s="4" t="s">
        <v>16</v>
      </c>
      <c r="D377" s="4" t="s">
        <v>973</v>
      </c>
      <c r="E377" s="3">
        <v>8</v>
      </c>
    </row>
    <row r="378" spans="1:5" ht="15" x14ac:dyDescent="0.25">
      <c r="A378" s="4" t="s">
        <v>241</v>
      </c>
      <c r="B378" s="4" t="s">
        <v>1095</v>
      </c>
      <c r="C378" s="4" t="s">
        <v>250</v>
      </c>
      <c r="D378" s="4" t="s">
        <v>35</v>
      </c>
      <c r="E378" s="3">
        <v>9</v>
      </c>
    </row>
    <row r="379" spans="1:5" ht="15" x14ac:dyDescent="0.25">
      <c r="A379" s="4" t="s">
        <v>542</v>
      </c>
      <c r="B379" s="4" t="s">
        <v>220</v>
      </c>
      <c r="C379" s="4" t="s">
        <v>161</v>
      </c>
      <c r="D379" s="4" t="s">
        <v>437</v>
      </c>
      <c r="E379" s="3">
        <v>10</v>
      </c>
    </row>
    <row r="381" spans="1:5" x14ac:dyDescent="0.2">
      <c r="A381" s="1" t="s">
        <v>127</v>
      </c>
      <c r="B381" s="1"/>
      <c r="C381" s="1"/>
      <c r="D381" s="1"/>
      <c r="E381" s="3"/>
    </row>
    <row r="382" spans="1:5" x14ac:dyDescent="0.2">
      <c r="A382" s="3"/>
      <c r="B382" s="3"/>
      <c r="C382" s="3"/>
      <c r="D382" s="3"/>
      <c r="E382" s="1" t="s">
        <v>391</v>
      </c>
    </row>
    <row r="383" spans="1:5" ht="15" x14ac:dyDescent="0.25">
      <c r="A383" s="4" t="s">
        <v>277</v>
      </c>
      <c r="B383" s="4" t="s">
        <v>29</v>
      </c>
      <c r="C383" s="4" t="s">
        <v>841</v>
      </c>
      <c r="D383" s="4" t="s">
        <v>842</v>
      </c>
      <c r="E383" s="3">
        <v>1</v>
      </c>
    </row>
    <row r="384" spans="1:5" ht="15" x14ac:dyDescent="0.25">
      <c r="A384" s="4" t="s">
        <v>468</v>
      </c>
      <c r="B384" s="4" t="s">
        <v>234</v>
      </c>
      <c r="C384" s="4" t="s">
        <v>843</v>
      </c>
      <c r="D384" s="4" t="s">
        <v>844</v>
      </c>
      <c r="E384" s="3">
        <v>2</v>
      </c>
    </row>
    <row r="385" spans="1:5" ht="15" x14ac:dyDescent="0.25">
      <c r="A385" s="4" t="s">
        <v>468</v>
      </c>
      <c r="B385" s="4" t="s">
        <v>234</v>
      </c>
      <c r="C385" s="4" t="s">
        <v>251</v>
      </c>
      <c r="D385" s="4" t="s">
        <v>470</v>
      </c>
      <c r="E385" s="3">
        <v>3</v>
      </c>
    </row>
    <row r="386" spans="1:5" ht="15" x14ac:dyDescent="0.25">
      <c r="A386" s="4" t="s">
        <v>505</v>
      </c>
      <c r="B386" s="4" t="s">
        <v>140</v>
      </c>
      <c r="C386" s="4" t="s">
        <v>839</v>
      </c>
      <c r="D386" s="4" t="s">
        <v>840</v>
      </c>
      <c r="E386" s="3">
        <v>4</v>
      </c>
    </row>
    <row r="387" spans="1:5" ht="15" x14ac:dyDescent="0.25">
      <c r="A387" s="4" t="s">
        <v>572</v>
      </c>
      <c r="B387" s="4" t="s">
        <v>140</v>
      </c>
      <c r="C387" s="4" t="s">
        <v>835</v>
      </c>
      <c r="D387" s="4" t="s">
        <v>836</v>
      </c>
      <c r="E387" s="3">
        <v>5</v>
      </c>
    </row>
    <row r="388" spans="1:5" ht="15" x14ac:dyDescent="0.25">
      <c r="A388" s="4" t="s">
        <v>524</v>
      </c>
      <c r="B388" s="4" t="s">
        <v>220</v>
      </c>
      <c r="C388" s="4" t="s">
        <v>837</v>
      </c>
      <c r="D388" s="4" t="s">
        <v>838</v>
      </c>
      <c r="E388" s="3">
        <v>6</v>
      </c>
    </row>
    <row r="390" spans="1:5" x14ac:dyDescent="0.2">
      <c r="A390" s="1" t="s">
        <v>126</v>
      </c>
      <c r="B390" s="3"/>
      <c r="C390" s="3"/>
      <c r="D390" s="3"/>
      <c r="E390" s="1" t="s">
        <v>391</v>
      </c>
    </row>
    <row r="391" spans="1:5" ht="15" x14ac:dyDescent="0.25">
      <c r="A391" s="4" t="s">
        <v>542</v>
      </c>
      <c r="B391" s="4" t="s">
        <v>220</v>
      </c>
      <c r="C391" s="4" t="s">
        <v>815</v>
      </c>
      <c r="D391" s="4" t="s">
        <v>816</v>
      </c>
      <c r="E391" s="3">
        <v>1</v>
      </c>
    </row>
    <row r="392" spans="1:5" ht="15" x14ac:dyDescent="0.25">
      <c r="A392" s="4" t="s">
        <v>716</v>
      </c>
      <c r="B392" s="4" t="s">
        <v>1095</v>
      </c>
      <c r="C392" s="4" t="s">
        <v>805</v>
      </c>
      <c r="D392" s="4" t="s">
        <v>806</v>
      </c>
      <c r="E392" s="3">
        <v>2</v>
      </c>
    </row>
    <row r="393" spans="1:5" ht="15" x14ac:dyDescent="0.25">
      <c r="A393" s="4" t="s">
        <v>191</v>
      </c>
      <c r="B393" s="4" t="s">
        <v>18</v>
      </c>
      <c r="C393" s="4" t="s">
        <v>809</v>
      </c>
      <c r="D393" s="4" t="s">
        <v>810</v>
      </c>
      <c r="E393" s="3">
        <v>3</v>
      </c>
    </row>
    <row r="394" spans="1:5" ht="15" x14ac:dyDescent="0.25">
      <c r="A394" s="4" t="s">
        <v>1089</v>
      </c>
      <c r="B394" s="4" t="s">
        <v>490</v>
      </c>
      <c r="C394" s="4" t="s">
        <v>811</v>
      </c>
      <c r="D394" s="4" t="s">
        <v>812</v>
      </c>
      <c r="E394" s="3">
        <v>4</v>
      </c>
    </row>
    <row r="395" spans="1:5" ht="15" x14ac:dyDescent="0.25">
      <c r="A395" s="4" t="s">
        <v>1096</v>
      </c>
      <c r="B395" s="4" t="s">
        <v>1097</v>
      </c>
      <c r="C395" s="4" t="s">
        <v>817</v>
      </c>
      <c r="D395" s="4" t="s">
        <v>818</v>
      </c>
      <c r="E395" s="3">
        <v>5</v>
      </c>
    </row>
    <row r="396" spans="1:5" ht="15" x14ac:dyDescent="0.25">
      <c r="A396" s="4" t="s">
        <v>542</v>
      </c>
      <c r="B396" s="4" t="s">
        <v>220</v>
      </c>
      <c r="C396" s="4" t="s">
        <v>819</v>
      </c>
      <c r="D396" s="4" t="s">
        <v>820</v>
      </c>
      <c r="E396" s="3">
        <v>6</v>
      </c>
    </row>
    <row r="397" spans="1:5" ht="15" x14ac:dyDescent="0.25">
      <c r="A397" s="4" t="s">
        <v>667</v>
      </c>
      <c r="B397" s="4" t="s">
        <v>1097</v>
      </c>
      <c r="C397" s="4" t="s">
        <v>801</v>
      </c>
      <c r="D397" s="4" t="s">
        <v>802</v>
      </c>
      <c r="E397" s="3">
        <v>7</v>
      </c>
    </row>
    <row r="398" spans="1:5" ht="15" x14ac:dyDescent="0.25">
      <c r="A398" s="4" t="s">
        <v>612</v>
      </c>
      <c r="B398" s="4" t="s">
        <v>140</v>
      </c>
      <c r="C398" s="4" t="s">
        <v>803</v>
      </c>
      <c r="D398" s="4" t="s">
        <v>804</v>
      </c>
      <c r="E398" s="3">
        <v>8</v>
      </c>
    </row>
    <row r="399" spans="1:5" ht="15" x14ac:dyDescent="0.25">
      <c r="A399" s="4" t="s">
        <v>584</v>
      </c>
      <c r="B399" s="4" t="s">
        <v>107</v>
      </c>
      <c r="C399" s="4" t="s">
        <v>813</v>
      </c>
      <c r="D399" s="4" t="s">
        <v>814</v>
      </c>
      <c r="E399" s="3">
        <v>9</v>
      </c>
    </row>
    <row r="400" spans="1:5" ht="15" x14ac:dyDescent="0.25">
      <c r="A400" s="4" t="s">
        <v>430</v>
      </c>
      <c r="B400" s="4" t="s">
        <v>29</v>
      </c>
      <c r="C400" s="4" t="s">
        <v>807</v>
      </c>
      <c r="D400" s="4" t="s">
        <v>808</v>
      </c>
      <c r="E400" s="3">
        <v>10</v>
      </c>
    </row>
    <row r="402" spans="1:5" x14ac:dyDescent="0.2">
      <c r="A402" s="1" t="s">
        <v>608</v>
      </c>
      <c r="B402" s="3"/>
      <c r="C402" s="3"/>
      <c r="D402" s="3"/>
      <c r="E402" s="1" t="s">
        <v>391</v>
      </c>
    </row>
    <row r="403" spans="1:5" ht="15" x14ac:dyDescent="0.25">
      <c r="A403" s="4" t="s">
        <v>572</v>
      </c>
      <c r="B403" s="4" t="s">
        <v>140</v>
      </c>
      <c r="C403" s="4" t="s">
        <v>829</v>
      </c>
      <c r="D403" s="4" t="s">
        <v>830</v>
      </c>
      <c r="E403" s="3">
        <v>1</v>
      </c>
    </row>
    <row r="404" spans="1:5" ht="30" x14ac:dyDescent="0.25">
      <c r="A404" s="4" t="s">
        <v>384</v>
      </c>
      <c r="B404" s="4" t="s">
        <v>29</v>
      </c>
      <c r="C404" s="4" t="s">
        <v>824</v>
      </c>
      <c r="D404" s="4" t="s">
        <v>610</v>
      </c>
      <c r="E404" s="3">
        <v>2</v>
      </c>
    </row>
    <row r="405" spans="1:5" ht="15" x14ac:dyDescent="0.25">
      <c r="A405" s="4" t="s">
        <v>374</v>
      </c>
      <c r="B405" s="4" t="s">
        <v>1095</v>
      </c>
      <c r="C405" s="4" t="s">
        <v>2</v>
      </c>
      <c r="D405" s="4" t="s">
        <v>600</v>
      </c>
      <c r="E405" s="3">
        <v>3</v>
      </c>
    </row>
    <row r="406" spans="1:5" ht="15" x14ac:dyDescent="0.25">
      <c r="A406" s="4" t="s">
        <v>172</v>
      </c>
      <c r="B406" s="4" t="s">
        <v>1095</v>
      </c>
      <c r="C406" s="4" t="s">
        <v>174</v>
      </c>
      <c r="D406" s="4" t="s">
        <v>175</v>
      </c>
      <c r="E406" s="3">
        <v>4</v>
      </c>
    </row>
    <row r="407" spans="1:5" ht="15" x14ac:dyDescent="0.25">
      <c r="A407" s="4" t="s">
        <v>549</v>
      </c>
      <c r="B407" s="4" t="s">
        <v>140</v>
      </c>
      <c r="C407" s="4" t="s">
        <v>831</v>
      </c>
      <c r="D407" s="4" t="s">
        <v>832</v>
      </c>
      <c r="E407" s="3">
        <v>5</v>
      </c>
    </row>
    <row r="408" spans="1:5" ht="15" x14ac:dyDescent="0.25">
      <c r="A408" s="4" t="s">
        <v>642</v>
      </c>
      <c r="B408" s="4" t="s">
        <v>220</v>
      </c>
      <c r="C408" s="4" t="s">
        <v>834</v>
      </c>
      <c r="D408" s="4" t="s">
        <v>833</v>
      </c>
      <c r="E408" s="3">
        <v>6</v>
      </c>
    </row>
    <row r="409" spans="1:5" ht="30" x14ac:dyDescent="0.25">
      <c r="A409" s="4" t="s">
        <v>958</v>
      </c>
      <c r="B409" s="4" t="s">
        <v>234</v>
      </c>
      <c r="C409" s="4" t="s">
        <v>609</v>
      </c>
      <c r="D409" s="4" t="s">
        <v>823</v>
      </c>
      <c r="E409" s="3">
        <v>7</v>
      </c>
    </row>
    <row r="410" spans="1:5" ht="15" x14ac:dyDescent="0.25">
      <c r="A410" s="4" t="s">
        <v>1066</v>
      </c>
      <c r="B410" s="4" t="s">
        <v>490</v>
      </c>
      <c r="C410" s="4" t="s">
        <v>825</v>
      </c>
      <c r="D410" s="4" t="s">
        <v>826</v>
      </c>
      <c r="E410" s="3">
        <v>8</v>
      </c>
    </row>
    <row r="411" spans="1:5" ht="15" x14ac:dyDescent="0.25">
      <c r="A411" s="4" t="s">
        <v>667</v>
      </c>
      <c r="B411" s="4" t="s">
        <v>1097</v>
      </c>
      <c r="C411" s="4" t="s">
        <v>822</v>
      </c>
      <c r="D411" s="4" t="s">
        <v>821</v>
      </c>
      <c r="E411" s="3">
        <v>9</v>
      </c>
    </row>
    <row r="412" spans="1:5" ht="15" x14ac:dyDescent="0.25">
      <c r="A412" s="4" t="s">
        <v>429</v>
      </c>
      <c r="B412" s="4" t="s">
        <v>107</v>
      </c>
      <c r="C412" s="4" t="s">
        <v>827</v>
      </c>
      <c r="D412" s="4" t="s">
        <v>828</v>
      </c>
      <c r="E412" s="3">
        <v>10</v>
      </c>
    </row>
    <row r="414" spans="1:5" x14ac:dyDescent="0.2">
      <c r="A414" s="1" t="s">
        <v>125</v>
      </c>
      <c r="B414" s="3"/>
      <c r="C414" s="3"/>
      <c r="D414" s="3"/>
      <c r="E414" s="1" t="s">
        <v>391</v>
      </c>
    </row>
    <row r="415" spans="1:5" ht="15" x14ac:dyDescent="0.25">
      <c r="A415" s="4" t="s">
        <v>36</v>
      </c>
      <c r="B415" s="4" t="s">
        <v>18</v>
      </c>
      <c r="C415" s="4" t="s">
        <v>39</v>
      </c>
      <c r="D415" s="4" t="s">
        <v>40</v>
      </c>
      <c r="E415" s="3">
        <v>1</v>
      </c>
    </row>
    <row r="416" spans="1:5" ht="15" x14ac:dyDescent="0.25">
      <c r="A416" s="4" t="s">
        <v>689</v>
      </c>
      <c r="B416" s="4" t="s">
        <v>490</v>
      </c>
      <c r="C416" s="4" t="s">
        <v>173</v>
      </c>
      <c r="D416" s="4" t="s">
        <v>691</v>
      </c>
      <c r="E416" s="3">
        <v>2</v>
      </c>
    </row>
    <row r="417" spans="1:5" ht="15" x14ac:dyDescent="0.25">
      <c r="A417" s="4" t="s">
        <v>689</v>
      </c>
      <c r="B417" s="4" t="s">
        <v>490</v>
      </c>
      <c r="C417" s="4" t="s">
        <v>7</v>
      </c>
      <c r="D417" s="4" t="s">
        <v>690</v>
      </c>
      <c r="E417" s="3">
        <v>3</v>
      </c>
    </row>
    <row r="418" spans="1:5" ht="15" x14ac:dyDescent="0.25">
      <c r="A418" s="4" t="s">
        <v>975</v>
      </c>
      <c r="B418" s="4" t="s">
        <v>234</v>
      </c>
      <c r="C418" s="4" t="s">
        <v>212</v>
      </c>
      <c r="D418" s="4" t="s">
        <v>978</v>
      </c>
      <c r="E418" s="3">
        <v>4</v>
      </c>
    </row>
    <row r="419" spans="1:5" ht="15" x14ac:dyDescent="0.25">
      <c r="A419" s="4" t="s">
        <v>654</v>
      </c>
      <c r="B419" s="4" t="s">
        <v>220</v>
      </c>
      <c r="C419" s="4" t="s">
        <v>588</v>
      </c>
      <c r="D419" s="4" t="s">
        <v>419</v>
      </c>
      <c r="E419" s="3">
        <v>5</v>
      </c>
    </row>
    <row r="420" spans="1:5" ht="15" x14ac:dyDescent="0.25">
      <c r="A420" s="4" t="s">
        <v>975</v>
      </c>
      <c r="B420" s="4" t="s">
        <v>234</v>
      </c>
      <c r="C420" s="4" t="s">
        <v>2</v>
      </c>
      <c r="D420" s="4" t="s">
        <v>976</v>
      </c>
      <c r="E420" s="3">
        <v>6</v>
      </c>
    </row>
    <row r="421" spans="1:5" ht="15" x14ac:dyDescent="0.25">
      <c r="A421" s="4" t="s">
        <v>975</v>
      </c>
      <c r="B421" s="4" t="s">
        <v>234</v>
      </c>
      <c r="C421" s="4" t="s">
        <v>111</v>
      </c>
      <c r="D421" s="4" t="s">
        <v>977</v>
      </c>
      <c r="E421" s="3">
        <v>7</v>
      </c>
    </row>
    <row r="422" spans="1:5" ht="15" x14ac:dyDescent="0.25">
      <c r="A422" s="4" t="s">
        <v>280</v>
      </c>
      <c r="B422" s="4" t="s">
        <v>1095</v>
      </c>
      <c r="C422" s="4" t="s">
        <v>299</v>
      </c>
      <c r="D422" s="4" t="s">
        <v>300</v>
      </c>
      <c r="E422" s="3">
        <v>8</v>
      </c>
    </row>
    <row r="423" spans="1:5" ht="15" x14ac:dyDescent="0.25">
      <c r="A423" s="4" t="s">
        <v>723</v>
      </c>
      <c r="B423" s="4" t="s">
        <v>490</v>
      </c>
      <c r="C423" s="4" t="s">
        <v>1047</v>
      </c>
      <c r="D423" s="4" t="s">
        <v>1048</v>
      </c>
      <c r="E423" s="3">
        <v>9</v>
      </c>
    </row>
    <row r="425" spans="1:5" x14ac:dyDescent="0.2">
      <c r="A425" s="1" t="s">
        <v>441</v>
      </c>
      <c r="B425" s="1"/>
      <c r="C425" s="1"/>
      <c r="D425" s="1"/>
      <c r="E425" s="1" t="s">
        <v>391</v>
      </c>
    </row>
    <row r="426" spans="1:5" x14ac:dyDescent="0.2">
      <c r="A426" s="3"/>
      <c r="B426" s="3"/>
      <c r="C426" s="3"/>
      <c r="D426" s="3"/>
      <c r="E426" s="3"/>
    </row>
    <row r="427" spans="1:5" ht="15" x14ac:dyDescent="0.25">
      <c r="A427" s="4" t="s">
        <v>241</v>
      </c>
      <c r="B427" s="4" t="s">
        <v>1095</v>
      </c>
      <c r="C427" s="4" t="s">
        <v>244</v>
      </c>
      <c r="D427" s="4" t="s">
        <v>245</v>
      </c>
      <c r="E427" s="3">
        <v>1</v>
      </c>
    </row>
    <row r="428" spans="1:5" ht="15" x14ac:dyDescent="0.25">
      <c r="A428" s="4" t="s">
        <v>617</v>
      </c>
      <c r="B428" s="4" t="s">
        <v>220</v>
      </c>
      <c r="C428" s="4" t="s">
        <v>618</v>
      </c>
      <c r="D428" s="4" t="s">
        <v>269</v>
      </c>
      <c r="E428" s="3">
        <v>2</v>
      </c>
    </row>
    <row r="429" spans="1:5" ht="15" x14ac:dyDescent="0.25">
      <c r="A429" s="4" t="s">
        <v>277</v>
      </c>
      <c r="B429" s="4" t="s">
        <v>29</v>
      </c>
      <c r="C429" s="4" t="s">
        <v>246</v>
      </c>
      <c r="D429" s="4" t="s">
        <v>302</v>
      </c>
      <c r="E429" s="3">
        <v>3</v>
      </c>
    </row>
    <row r="430" spans="1:5" ht="15" x14ac:dyDescent="0.25">
      <c r="A430" s="4" t="s">
        <v>36</v>
      </c>
      <c r="B430" s="4" t="s">
        <v>18</v>
      </c>
      <c r="C430" s="4" t="s">
        <v>45</v>
      </c>
      <c r="D430" s="4" t="s">
        <v>46</v>
      </c>
      <c r="E430" s="3">
        <v>4</v>
      </c>
    </row>
    <row r="431" spans="1:5" ht="15" x14ac:dyDescent="0.25">
      <c r="A431" s="4" t="s">
        <v>277</v>
      </c>
      <c r="B431" s="4" t="s">
        <v>29</v>
      </c>
      <c r="C431" s="4" t="s">
        <v>94</v>
      </c>
      <c r="D431" s="4" t="s">
        <v>278</v>
      </c>
      <c r="E431" s="3">
        <v>5</v>
      </c>
    </row>
    <row r="432" spans="1:5" ht="15" x14ac:dyDescent="0.25">
      <c r="A432" s="4" t="s">
        <v>277</v>
      </c>
      <c r="B432" s="4" t="s">
        <v>29</v>
      </c>
      <c r="C432" s="4" t="s">
        <v>303</v>
      </c>
      <c r="D432" s="4" t="s">
        <v>298</v>
      </c>
      <c r="E432" s="3">
        <v>6</v>
      </c>
    </row>
    <row r="433" spans="1:5" ht="15" x14ac:dyDescent="0.25">
      <c r="A433" s="4" t="s">
        <v>505</v>
      </c>
      <c r="B433" s="4" t="s">
        <v>140</v>
      </c>
      <c r="C433" s="4" t="s">
        <v>195</v>
      </c>
      <c r="D433" s="4" t="s">
        <v>508</v>
      </c>
      <c r="E433" s="3">
        <v>7</v>
      </c>
    </row>
    <row r="434" spans="1:5" ht="15" x14ac:dyDescent="0.25">
      <c r="A434" s="4" t="s">
        <v>208</v>
      </c>
      <c r="B434" s="4" t="s">
        <v>18</v>
      </c>
      <c r="C434" s="4" t="s">
        <v>217</v>
      </c>
      <c r="D434" s="4" t="s">
        <v>218</v>
      </c>
      <c r="E434" s="3">
        <v>8</v>
      </c>
    </row>
    <row r="436" spans="1:5" x14ac:dyDescent="0.2">
      <c r="A436" s="1" t="s">
        <v>993</v>
      </c>
      <c r="B436" s="3"/>
      <c r="C436" s="3"/>
      <c r="D436" s="3"/>
      <c r="E436" s="3"/>
    </row>
    <row r="437" spans="1:5" x14ac:dyDescent="0.2">
      <c r="A437" s="3"/>
      <c r="B437" s="3"/>
      <c r="C437" s="3"/>
      <c r="D437" s="3"/>
      <c r="E437" s="3"/>
    </row>
    <row r="438" spans="1:5" x14ac:dyDescent="0.2">
      <c r="A438" s="3"/>
      <c r="B438" s="3"/>
      <c r="C438" s="3"/>
      <c r="D438" s="3"/>
      <c r="E438" s="1" t="s">
        <v>391</v>
      </c>
    </row>
    <row r="439" spans="1:5" ht="15" x14ac:dyDescent="0.25">
      <c r="A439" s="4" t="s">
        <v>1029</v>
      </c>
      <c r="B439" s="4" t="s">
        <v>1095</v>
      </c>
      <c r="C439" s="4" t="s">
        <v>16</v>
      </c>
      <c r="D439" s="4" t="s">
        <v>1030</v>
      </c>
      <c r="E439" s="3">
        <v>1</v>
      </c>
    </row>
    <row r="440" spans="1:5" ht="15" x14ac:dyDescent="0.25">
      <c r="A440" s="4" t="s">
        <v>338</v>
      </c>
      <c r="B440" s="4" t="s">
        <v>140</v>
      </c>
      <c r="C440" s="4" t="s">
        <v>365</v>
      </c>
      <c r="D440" s="4" t="s">
        <v>366</v>
      </c>
      <c r="E440" s="3">
        <v>2</v>
      </c>
    </row>
    <row r="441" spans="1:5" ht="15" x14ac:dyDescent="0.25">
      <c r="A441" s="4" t="s">
        <v>524</v>
      </c>
      <c r="B441" s="4" t="s">
        <v>220</v>
      </c>
      <c r="C441" s="4" t="s">
        <v>539</v>
      </c>
      <c r="D441" s="4" t="s">
        <v>540</v>
      </c>
      <c r="E441" s="3">
        <v>3</v>
      </c>
    </row>
    <row r="442" spans="1:5" ht="15" x14ac:dyDescent="0.25">
      <c r="A442" s="4" t="s">
        <v>581</v>
      </c>
      <c r="B442" s="4" t="s">
        <v>234</v>
      </c>
      <c r="C442" s="4" t="s">
        <v>2</v>
      </c>
      <c r="D442" s="4" t="s">
        <v>582</v>
      </c>
      <c r="E442" s="3">
        <v>4</v>
      </c>
    </row>
    <row r="443" spans="1:5" ht="15" x14ac:dyDescent="0.25">
      <c r="A443" s="4" t="s">
        <v>660</v>
      </c>
      <c r="B443" s="4" t="s">
        <v>234</v>
      </c>
      <c r="C443" s="4" t="s">
        <v>7</v>
      </c>
      <c r="D443" s="4" t="s">
        <v>1046</v>
      </c>
      <c r="E443" s="3">
        <v>5</v>
      </c>
    </row>
    <row r="444" spans="1:5" ht="15" x14ac:dyDescent="0.25">
      <c r="A444" s="4" t="s">
        <v>1029</v>
      </c>
      <c r="B444" s="4" t="s">
        <v>1095</v>
      </c>
      <c r="C444" s="4" t="s">
        <v>1033</v>
      </c>
      <c r="D444" s="4" t="s">
        <v>1034</v>
      </c>
      <c r="E444" s="3">
        <v>6</v>
      </c>
    </row>
    <row r="445" spans="1:5" ht="15" x14ac:dyDescent="0.25">
      <c r="A445" s="4" t="s">
        <v>468</v>
      </c>
      <c r="B445" s="4" t="s">
        <v>234</v>
      </c>
      <c r="C445" s="4" t="s">
        <v>696</v>
      </c>
      <c r="D445" s="4" t="s">
        <v>381</v>
      </c>
      <c r="E445" s="3">
        <v>7</v>
      </c>
    </row>
    <row r="446" spans="1:5" ht="15" x14ac:dyDescent="0.25">
      <c r="A446" s="4" t="s">
        <v>184</v>
      </c>
      <c r="B446" s="4" t="s">
        <v>1095</v>
      </c>
      <c r="C446" s="4" t="s">
        <v>1098</v>
      </c>
      <c r="D446" s="4" t="s">
        <v>187</v>
      </c>
      <c r="E446" s="3">
        <v>8</v>
      </c>
    </row>
    <row r="447" spans="1:5" ht="15" x14ac:dyDescent="0.25">
      <c r="A447" s="4" t="s">
        <v>374</v>
      </c>
      <c r="B447" s="4" t="s">
        <v>1095</v>
      </c>
      <c r="C447" s="4" t="s">
        <v>597</v>
      </c>
      <c r="D447" s="4" t="s">
        <v>598</v>
      </c>
      <c r="E447" s="3">
        <v>9</v>
      </c>
    </row>
    <row r="448" spans="1:5" ht="15" x14ac:dyDescent="0.25">
      <c r="A448" s="4" t="s">
        <v>543</v>
      </c>
      <c r="B448" s="4" t="s">
        <v>107</v>
      </c>
      <c r="C448" s="4" t="s">
        <v>545</v>
      </c>
      <c r="D448" s="4" t="s">
        <v>546</v>
      </c>
      <c r="E448" s="3">
        <v>10</v>
      </c>
    </row>
    <row r="450" spans="1:5" ht="15" x14ac:dyDescent="0.25">
      <c r="A450" s="5" t="s">
        <v>605</v>
      </c>
      <c r="B450" s="3"/>
      <c r="C450" s="3"/>
      <c r="D450" s="3"/>
      <c r="E450" s="1" t="s">
        <v>391</v>
      </c>
    </row>
    <row r="451" spans="1:5" ht="15" x14ac:dyDescent="0.25">
      <c r="A451" s="4" t="s">
        <v>409</v>
      </c>
      <c r="B451" s="4" t="s">
        <v>29</v>
      </c>
      <c r="C451" s="4" t="s">
        <v>414</v>
      </c>
      <c r="D451" s="4" t="s">
        <v>415</v>
      </c>
      <c r="E451" s="3">
        <v>1</v>
      </c>
    </row>
    <row r="452" spans="1:5" ht="15" x14ac:dyDescent="0.25">
      <c r="A452" s="4" t="s">
        <v>57</v>
      </c>
      <c r="B452" s="4" t="s">
        <v>18</v>
      </c>
      <c r="C452" s="4" t="s">
        <v>67</v>
      </c>
      <c r="D452" s="4" t="s">
        <v>68</v>
      </c>
      <c r="E452" s="3">
        <v>2</v>
      </c>
    </row>
    <row r="453" spans="1:5" ht="15" x14ac:dyDescent="0.25">
      <c r="A453" s="4" t="s">
        <v>451</v>
      </c>
      <c r="B453" s="4" t="s">
        <v>220</v>
      </c>
      <c r="C453" s="4" t="s">
        <v>64</v>
      </c>
      <c r="D453" s="4" t="s">
        <v>65</v>
      </c>
      <c r="E453" s="10">
        <v>3</v>
      </c>
    </row>
    <row r="454" spans="1:5" ht="15" x14ac:dyDescent="0.25">
      <c r="A454" s="4" t="s">
        <v>375</v>
      </c>
      <c r="B454" s="4" t="s">
        <v>18</v>
      </c>
      <c r="C454" s="4" t="s">
        <v>71</v>
      </c>
      <c r="D454" s="4" t="s">
        <v>72</v>
      </c>
      <c r="E454" s="10">
        <v>4</v>
      </c>
    </row>
    <row r="455" spans="1:5" ht="30" x14ac:dyDescent="0.25">
      <c r="A455" s="4" t="s">
        <v>430</v>
      </c>
      <c r="B455" s="4" t="s">
        <v>29</v>
      </c>
      <c r="C455" s="4" t="s">
        <v>77</v>
      </c>
      <c r="D455" s="4" t="s">
        <v>78</v>
      </c>
      <c r="E455" s="10">
        <v>5</v>
      </c>
    </row>
    <row r="456" spans="1:5" ht="15" x14ac:dyDescent="0.25">
      <c r="A456" s="4" t="s">
        <v>178</v>
      </c>
      <c r="B456" s="4" t="s">
        <v>29</v>
      </c>
      <c r="C456" s="4" t="s">
        <v>79</v>
      </c>
      <c r="D456" s="4" t="s">
        <v>80</v>
      </c>
      <c r="E456" s="10">
        <v>6</v>
      </c>
    </row>
    <row r="457" spans="1:5" ht="30" x14ac:dyDescent="0.25">
      <c r="A457" s="4" t="s">
        <v>255</v>
      </c>
      <c r="B457" s="4" t="s">
        <v>1095</v>
      </c>
      <c r="C457" s="4" t="s">
        <v>66</v>
      </c>
      <c r="D457" s="4" t="s">
        <v>606</v>
      </c>
      <c r="E457" s="10">
        <v>7</v>
      </c>
    </row>
    <row r="458" spans="1:5" ht="15" x14ac:dyDescent="0.25">
      <c r="A458" s="4" t="s">
        <v>642</v>
      </c>
      <c r="B458" s="4" t="s">
        <v>220</v>
      </c>
      <c r="C458" s="4" t="s">
        <v>73</v>
      </c>
      <c r="D458" s="4" t="s">
        <v>74</v>
      </c>
      <c r="E458" s="10">
        <v>8</v>
      </c>
    </row>
    <row r="459" spans="1:5" ht="15" x14ac:dyDescent="0.25">
      <c r="A459" s="4" t="s">
        <v>99</v>
      </c>
      <c r="B459" s="4" t="s">
        <v>1097</v>
      </c>
      <c r="C459" s="4" t="s">
        <v>69</v>
      </c>
      <c r="D459" s="4" t="s">
        <v>70</v>
      </c>
      <c r="E459" s="10">
        <v>9</v>
      </c>
    </row>
    <row r="460" spans="1:5" ht="15" x14ac:dyDescent="0.25">
      <c r="A460" s="4" t="s">
        <v>671</v>
      </c>
      <c r="B460" s="4" t="s">
        <v>220</v>
      </c>
      <c r="C460" s="4" t="s">
        <v>75</v>
      </c>
      <c r="D460" s="4" t="s">
        <v>76</v>
      </c>
      <c r="E460" s="10">
        <v>10</v>
      </c>
    </row>
    <row r="462" spans="1:5" x14ac:dyDescent="0.2">
      <c r="A462" s="1" t="s">
        <v>1000</v>
      </c>
      <c r="B462" s="3"/>
      <c r="C462" s="3"/>
      <c r="D462" s="3"/>
      <c r="E462" s="3"/>
    </row>
    <row r="463" spans="1:5" x14ac:dyDescent="0.2">
      <c r="A463" s="3"/>
      <c r="B463" s="3"/>
      <c r="C463" s="3"/>
      <c r="D463" s="3"/>
      <c r="E463" s="3"/>
    </row>
    <row r="464" spans="1:5" x14ac:dyDescent="0.2">
      <c r="A464" s="3"/>
      <c r="B464" s="3"/>
      <c r="C464" s="3"/>
      <c r="D464" s="3"/>
      <c r="E464" s="1" t="s">
        <v>391</v>
      </c>
    </row>
    <row r="465" spans="1:5" ht="15" x14ac:dyDescent="0.25">
      <c r="A465" s="4" t="s">
        <v>1006</v>
      </c>
      <c r="B465" s="4" t="s">
        <v>220</v>
      </c>
      <c r="C465" s="4" t="s">
        <v>1007</v>
      </c>
      <c r="D465" s="4" t="s">
        <v>1008</v>
      </c>
      <c r="E465" s="3">
        <v>1</v>
      </c>
    </row>
    <row r="466" spans="1:5" ht="15" x14ac:dyDescent="0.25">
      <c r="A466" s="4" t="s">
        <v>586</v>
      </c>
      <c r="B466" s="4" t="s">
        <v>107</v>
      </c>
      <c r="C466" s="4" t="s">
        <v>699</v>
      </c>
      <c r="D466" s="4" t="s">
        <v>700</v>
      </c>
      <c r="E466" s="3">
        <v>2</v>
      </c>
    </row>
    <row r="467" spans="1:5" ht="15" x14ac:dyDescent="0.25">
      <c r="A467" s="4" t="s">
        <v>967</v>
      </c>
      <c r="B467" s="4" t="s">
        <v>490</v>
      </c>
      <c r="C467" s="4" t="s">
        <v>968</v>
      </c>
      <c r="D467" s="4" t="s">
        <v>969</v>
      </c>
      <c r="E467" s="3">
        <v>3</v>
      </c>
    </row>
    <row r="468" spans="1:5" ht="15" x14ac:dyDescent="0.25">
      <c r="A468" s="4" t="s">
        <v>524</v>
      </c>
      <c r="B468" s="4" t="s">
        <v>220</v>
      </c>
      <c r="C468" s="4" t="s">
        <v>525</v>
      </c>
      <c r="D468" s="4" t="s">
        <v>526</v>
      </c>
      <c r="E468" s="3">
        <v>4</v>
      </c>
    </row>
    <row r="469" spans="1:5" ht="15" x14ac:dyDescent="0.25">
      <c r="A469" s="4" t="s">
        <v>542</v>
      </c>
      <c r="B469" s="4" t="s">
        <v>220</v>
      </c>
      <c r="C469" s="4" t="s">
        <v>31</v>
      </c>
      <c r="D469" s="4" t="s">
        <v>408</v>
      </c>
      <c r="E469" s="3">
        <v>5</v>
      </c>
    </row>
    <row r="470" spans="1:5" ht="15" x14ac:dyDescent="0.25">
      <c r="A470" s="4" t="s">
        <v>147</v>
      </c>
      <c r="B470" s="4" t="s">
        <v>18</v>
      </c>
      <c r="C470" s="4" t="s">
        <v>153</v>
      </c>
      <c r="D470" s="4" t="s">
        <v>152</v>
      </c>
      <c r="E470" s="3">
        <v>6</v>
      </c>
    </row>
    <row r="471" spans="1:5" ht="15" x14ac:dyDescent="0.25">
      <c r="A471" s="4" t="s">
        <v>967</v>
      </c>
      <c r="B471" s="4" t="s">
        <v>490</v>
      </c>
      <c r="C471" s="4" t="s">
        <v>31</v>
      </c>
      <c r="D471" s="4" t="s">
        <v>648</v>
      </c>
      <c r="E471" s="3">
        <v>7</v>
      </c>
    </row>
    <row r="472" spans="1:5" ht="15" x14ac:dyDescent="0.25">
      <c r="A472" s="4" t="s">
        <v>267</v>
      </c>
      <c r="B472" s="4" t="s">
        <v>1097</v>
      </c>
      <c r="C472" s="4" t="s">
        <v>108</v>
      </c>
      <c r="D472" s="4" t="s">
        <v>270</v>
      </c>
      <c r="E472" s="3">
        <v>8</v>
      </c>
    </row>
    <row r="473" spans="1:5" ht="15" x14ac:dyDescent="0.25">
      <c r="A473" s="4" t="s">
        <v>549</v>
      </c>
      <c r="B473" s="4" t="s">
        <v>140</v>
      </c>
      <c r="C473" s="4" t="s">
        <v>216</v>
      </c>
      <c r="D473" s="4" t="s">
        <v>558</v>
      </c>
      <c r="E473" s="3">
        <v>9</v>
      </c>
    </row>
    <row r="474" spans="1:5" ht="15" x14ac:dyDescent="0.25">
      <c r="A474" s="4" t="s">
        <v>178</v>
      </c>
      <c r="B474" s="4" t="s">
        <v>29</v>
      </c>
      <c r="C474" s="4" t="s">
        <v>197</v>
      </c>
      <c r="D474" s="4" t="s">
        <v>506</v>
      </c>
      <c r="E474" s="3">
        <v>10</v>
      </c>
    </row>
    <row r="476" spans="1:5" x14ac:dyDescent="0.2">
      <c r="A476" s="1" t="s">
        <v>119</v>
      </c>
      <c r="B476" s="1"/>
      <c r="C476" s="1"/>
      <c r="D476" s="1"/>
      <c r="E476" s="1" t="s">
        <v>391</v>
      </c>
    </row>
    <row r="477" spans="1:5" ht="15" x14ac:dyDescent="0.25">
      <c r="A477" s="4" t="s">
        <v>36</v>
      </c>
      <c r="B477" s="4" t="s">
        <v>18</v>
      </c>
      <c r="C477" s="4" t="s">
        <v>47</v>
      </c>
      <c r="D477" s="4" t="s">
        <v>48</v>
      </c>
      <c r="E477" s="3">
        <v>1</v>
      </c>
    </row>
    <row r="478" spans="1:5" ht="15" x14ac:dyDescent="0.25">
      <c r="A478" s="4" t="s">
        <v>617</v>
      </c>
      <c r="B478" s="4" t="s">
        <v>220</v>
      </c>
      <c r="C478" s="4" t="s">
        <v>622</v>
      </c>
      <c r="D478" s="4" t="s">
        <v>373</v>
      </c>
      <c r="E478" s="3">
        <v>2</v>
      </c>
    </row>
    <row r="479" spans="1:5" ht="15" x14ac:dyDescent="0.25">
      <c r="A479" s="4" t="s">
        <v>678</v>
      </c>
      <c r="B479" s="4" t="s">
        <v>107</v>
      </c>
      <c r="C479" s="4" t="s">
        <v>42</v>
      </c>
      <c r="D479" s="4" t="s">
        <v>372</v>
      </c>
      <c r="E479" s="3">
        <v>3</v>
      </c>
    </row>
    <row r="480" spans="1:5" ht="15" x14ac:dyDescent="0.25">
      <c r="A480" s="4" t="s">
        <v>375</v>
      </c>
      <c r="B480" s="4" t="s">
        <v>18</v>
      </c>
      <c r="C480" s="4" t="s">
        <v>7</v>
      </c>
      <c r="D480" s="4" t="s">
        <v>380</v>
      </c>
      <c r="E480" s="3">
        <v>4</v>
      </c>
    </row>
    <row r="481" spans="1:5" ht="15" x14ac:dyDescent="0.25">
      <c r="A481" s="4" t="s">
        <v>1042</v>
      </c>
      <c r="B481" s="4" t="s">
        <v>490</v>
      </c>
      <c r="C481" s="4" t="s">
        <v>242</v>
      </c>
      <c r="D481" s="4" t="s">
        <v>1043</v>
      </c>
      <c r="E481" s="3">
        <v>5</v>
      </c>
    </row>
    <row r="482" spans="1:5" ht="15" x14ac:dyDescent="0.25">
      <c r="A482" s="4" t="s">
        <v>692</v>
      </c>
      <c r="B482" s="4" t="s">
        <v>107</v>
      </c>
      <c r="C482" s="4" t="s">
        <v>32</v>
      </c>
      <c r="D482" s="4" t="s">
        <v>58</v>
      </c>
      <c r="E482" s="3">
        <v>6</v>
      </c>
    </row>
    <row r="483" spans="1:5" ht="15" x14ac:dyDescent="0.25">
      <c r="A483" s="4" t="s">
        <v>678</v>
      </c>
      <c r="B483" s="4" t="s">
        <v>107</v>
      </c>
      <c r="C483" s="4" t="s">
        <v>1098</v>
      </c>
      <c r="D483" s="4" t="s">
        <v>330</v>
      </c>
      <c r="E483" s="3">
        <v>7</v>
      </c>
    </row>
    <row r="484" spans="1:5" ht="15" x14ac:dyDescent="0.25">
      <c r="A484" s="4" t="s">
        <v>277</v>
      </c>
      <c r="B484" s="4" t="s">
        <v>29</v>
      </c>
      <c r="C484" s="4" t="s">
        <v>296</v>
      </c>
      <c r="D484" s="4" t="s">
        <v>297</v>
      </c>
      <c r="E484" s="3">
        <v>8</v>
      </c>
    </row>
    <row r="485" spans="1:5" ht="15" x14ac:dyDescent="0.25">
      <c r="A485" s="4" t="s">
        <v>1020</v>
      </c>
      <c r="B485" s="4" t="s">
        <v>490</v>
      </c>
      <c r="C485" s="4" t="s">
        <v>1027</v>
      </c>
      <c r="D485" s="4" t="s">
        <v>1028</v>
      </c>
      <c r="E485" s="3">
        <v>9</v>
      </c>
    </row>
    <row r="486" spans="1:5" ht="15" x14ac:dyDescent="0.25">
      <c r="A486" s="4" t="s">
        <v>36</v>
      </c>
      <c r="B486" s="4" t="s">
        <v>18</v>
      </c>
      <c r="C486" s="4" t="s">
        <v>51</v>
      </c>
      <c r="D486" s="4" t="s">
        <v>52</v>
      </c>
      <c r="E486" s="3">
        <v>10</v>
      </c>
    </row>
    <row r="488" spans="1:5" x14ac:dyDescent="0.2">
      <c r="A488" s="1" t="s">
        <v>607</v>
      </c>
      <c r="B488" s="3"/>
      <c r="C488" s="3"/>
      <c r="D488" s="3"/>
      <c r="E488" s="1" t="s">
        <v>391</v>
      </c>
    </row>
    <row r="489" spans="1:5" ht="15" x14ac:dyDescent="0.25">
      <c r="A489" s="4" t="s">
        <v>451</v>
      </c>
      <c r="B489" s="4" t="s">
        <v>220</v>
      </c>
      <c r="C489" s="4" t="s">
        <v>93</v>
      </c>
      <c r="D489" s="4" t="s">
        <v>458</v>
      </c>
      <c r="E489" s="3">
        <v>1</v>
      </c>
    </row>
    <row r="490" spans="1:5" ht="15" x14ac:dyDescent="0.25">
      <c r="A490" s="4" t="s">
        <v>983</v>
      </c>
      <c r="B490" s="4" t="s">
        <v>490</v>
      </c>
      <c r="C490" s="4" t="s">
        <v>987</v>
      </c>
      <c r="D490" s="4" t="s">
        <v>1005</v>
      </c>
      <c r="E490" s="3">
        <v>2</v>
      </c>
    </row>
    <row r="491" spans="1:5" ht="15" x14ac:dyDescent="0.25">
      <c r="A491" s="4" t="s">
        <v>549</v>
      </c>
      <c r="B491" s="4" t="s">
        <v>140</v>
      </c>
      <c r="C491" s="4" t="s">
        <v>10</v>
      </c>
      <c r="D491" s="4" t="s">
        <v>229</v>
      </c>
      <c r="E491" s="3">
        <v>3</v>
      </c>
    </row>
    <row r="492" spans="1:5" ht="15" x14ac:dyDescent="0.25">
      <c r="A492" s="4" t="s">
        <v>1045</v>
      </c>
      <c r="B492" s="4" t="s">
        <v>1095</v>
      </c>
      <c r="C492" s="4" t="s">
        <v>243</v>
      </c>
      <c r="D492" s="4" t="s">
        <v>650</v>
      </c>
      <c r="E492" s="3">
        <v>4</v>
      </c>
    </row>
    <row r="493" spans="1:5" ht="15" x14ac:dyDescent="0.25">
      <c r="A493" s="4" t="s">
        <v>17</v>
      </c>
      <c r="B493" s="4" t="s">
        <v>18</v>
      </c>
      <c r="C493" s="4" t="s">
        <v>23</v>
      </c>
      <c r="D493" s="4" t="s">
        <v>24</v>
      </c>
      <c r="E493" s="3">
        <v>5</v>
      </c>
    </row>
    <row r="494" spans="1:5" ht="15" x14ac:dyDescent="0.25">
      <c r="A494" s="4" t="s">
        <v>572</v>
      </c>
      <c r="B494" s="4" t="s">
        <v>140</v>
      </c>
      <c r="C494" s="4" t="s">
        <v>194</v>
      </c>
      <c r="D494" s="4" t="s">
        <v>573</v>
      </c>
      <c r="E494" s="3">
        <v>6</v>
      </c>
    </row>
    <row r="495" spans="1:5" ht="15" x14ac:dyDescent="0.25">
      <c r="A495" s="4" t="s">
        <v>468</v>
      </c>
      <c r="B495" s="4" t="s">
        <v>234</v>
      </c>
      <c r="C495" s="4" t="s">
        <v>471</v>
      </c>
      <c r="D495" s="4" t="s">
        <v>472</v>
      </c>
      <c r="E495" s="3">
        <v>7</v>
      </c>
    </row>
    <row r="496" spans="1:5" ht="15" x14ac:dyDescent="0.25">
      <c r="A496" s="4" t="s">
        <v>277</v>
      </c>
      <c r="B496" s="4" t="s">
        <v>29</v>
      </c>
      <c r="C496" s="4" t="s">
        <v>285</v>
      </c>
      <c r="D496" s="4" t="s">
        <v>295</v>
      </c>
      <c r="E496" s="3">
        <v>8</v>
      </c>
    </row>
    <row r="498" spans="1:5" x14ac:dyDescent="0.2">
      <c r="A498" s="1" t="s">
        <v>745</v>
      </c>
      <c r="B498" s="1"/>
      <c r="C498" s="1"/>
      <c r="D498" s="1"/>
      <c r="E498" s="1" t="s">
        <v>391</v>
      </c>
    </row>
    <row r="499" spans="1:5" x14ac:dyDescent="0.2">
      <c r="A499" s="3"/>
      <c r="B499" s="3"/>
      <c r="C499" s="3"/>
      <c r="D499" s="3"/>
      <c r="E499" s="3"/>
    </row>
    <row r="500" spans="1:5" ht="15" x14ac:dyDescent="0.25">
      <c r="A500" s="4" t="s">
        <v>277</v>
      </c>
      <c r="B500" s="4" t="s">
        <v>29</v>
      </c>
      <c r="C500" s="4" t="s">
        <v>148</v>
      </c>
      <c r="D500" s="4" t="s">
        <v>284</v>
      </c>
      <c r="E500" s="3">
        <v>1</v>
      </c>
    </row>
    <row r="501" spans="1:5" ht="15" x14ac:dyDescent="0.25">
      <c r="A501" s="4" t="s">
        <v>277</v>
      </c>
      <c r="B501" s="4" t="s">
        <v>29</v>
      </c>
      <c r="C501" s="4" t="s">
        <v>199</v>
      </c>
      <c r="D501" s="4" t="s">
        <v>283</v>
      </c>
      <c r="E501" s="3">
        <v>2</v>
      </c>
    </row>
    <row r="502" spans="1:5" ht="15" x14ac:dyDescent="0.25">
      <c r="A502" s="4" t="s">
        <v>451</v>
      </c>
      <c r="B502" s="4" t="s">
        <v>220</v>
      </c>
      <c r="C502" s="4" t="s">
        <v>456</v>
      </c>
      <c r="D502" s="4" t="s">
        <v>457</v>
      </c>
      <c r="E502" s="3">
        <v>3</v>
      </c>
    </row>
    <row r="503" spans="1:5" ht="15" x14ac:dyDescent="0.25">
      <c r="A503" s="4" t="s">
        <v>384</v>
      </c>
      <c r="B503" s="4" t="s">
        <v>29</v>
      </c>
      <c r="C503" s="4" t="s">
        <v>230</v>
      </c>
      <c r="D503" s="4" t="s">
        <v>264</v>
      </c>
      <c r="E503" s="3">
        <v>4</v>
      </c>
    </row>
    <row r="504" spans="1:5" ht="15" x14ac:dyDescent="0.25">
      <c r="A504" s="4" t="s">
        <v>651</v>
      </c>
      <c r="B504" s="4" t="s">
        <v>234</v>
      </c>
      <c r="C504" s="4" t="s">
        <v>653</v>
      </c>
      <c r="D504" s="4" t="s">
        <v>417</v>
      </c>
      <c r="E504" s="3">
        <v>5</v>
      </c>
    </row>
    <row r="505" spans="1:5" ht="15" x14ac:dyDescent="0.25">
      <c r="A505" s="4" t="s">
        <v>226</v>
      </c>
      <c r="B505" s="4" t="s">
        <v>1095</v>
      </c>
      <c r="C505" s="4" t="s">
        <v>37</v>
      </c>
      <c r="D505" s="4" t="s">
        <v>233</v>
      </c>
      <c r="E505" s="3">
        <v>6</v>
      </c>
    </row>
    <row r="506" spans="1:5" ht="15" x14ac:dyDescent="0.25">
      <c r="A506" s="4" t="s">
        <v>590</v>
      </c>
      <c r="B506" s="4" t="s">
        <v>18</v>
      </c>
      <c r="C506" s="4" t="s">
        <v>95</v>
      </c>
      <c r="D506" s="4" t="s">
        <v>591</v>
      </c>
      <c r="E506" s="3">
        <v>7</v>
      </c>
    </row>
    <row r="507" spans="1:5" ht="15" x14ac:dyDescent="0.25">
      <c r="A507" s="4" t="s">
        <v>36</v>
      </c>
      <c r="B507" s="4" t="s">
        <v>18</v>
      </c>
      <c r="C507" s="4" t="s">
        <v>49</v>
      </c>
      <c r="D507" s="4" t="s">
        <v>50</v>
      </c>
      <c r="E507" s="3">
        <v>8</v>
      </c>
    </row>
    <row r="508" spans="1:5" ht="15" x14ac:dyDescent="0.25">
      <c r="A508" s="4" t="s">
        <v>530</v>
      </c>
      <c r="B508" s="4" t="s">
        <v>1095</v>
      </c>
      <c r="C508" s="4" t="s">
        <v>531</v>
      </c>
      <c r="D508" s="4" t="s">
        <v>532</v>
      </c>
      <c r="E508" s="3">
        <v>9</v>
      </c>
    </row>
    <row r="509" spans="1:5" ht="15" x14ac:dyDescent="0.25">
      <c r="A509" s="4" t="s">
        <v>967</v>
      </c>
      <c r="B509" s="4" t="s">
        <v>490</v>
      </c>
      <c r="C509" s="4" t="s">
        <v>265</v>
      </c>
      <c r="D509" s="4" t="s">
        <v>972</v>
      </c>
      <c r="E509" s="3">
        <v>10</v>
      </c>
    </row>
    <row r="511" spans="1:5" x14ac:dyDescent="0.2">
      <c r="A511" s="1" t="s">
        <v>601</v>
      </c>
      <c r="B511" s="3"/>
      <c r="C511" s="3"/>
      <c r="D511" s="3"/>
      <c r="E511" s="1" t="s">
        <v>391</v>
      </c>
    </row>
    <row r="512" spans="1:5" ht="15" x14ac:dyDescent="0.25">
      <c r="A512" s="4" t="s">
        <v>277</v>
      </c>
      <c r="B512" s="4" t="s">
        <v>29</v>
      </c>
      <c r="C512" s="4" t="s">
        <v>109</v>
      </c>
      <c r="D512" s="4" t="s">
        <v>282</v>
      </c>
      <c r="E512" s="3">
        <v>1</v>
      </c>
    </row>
    <row r="513" spans="1:5" ht="15" x14ac:dyDescent="0.25">
      <c r="A513" s="4" t="s">
        <v>967</v>
      </c>
      <c r="B513" s="4" t="s">
        <v>490</v>
      </c>
      <c r="C513" s="4" t="s">
        <v>786</v>
      </c>
      <c r="D513" s="4" t="s">
        <v>787</v>
      </c>
      <c r="E513" s="3">
        <v>2</v>
      </c>
    </row>
    <row r="514" spans="1:5" ht="30" x14ac:dyDescent="0.25">
      <c r="A514" s="4" t="s">
        <v>1020</v>
      </c>
      <c r="B514" s="4" t="s">
        <v>490</v>
      </c>
      <c r="C514" s="4" t="s">
        <v>798</v>
      </c>
      <c r="D514" s="4" t="s">
        <v>604</v>
      </c>
      <c r="E514" s="3">
        <v>3</v>
      </c>
    </row>
    <row r="515" spans="1:5" ht="15" x14ac:dyDescent="0.25">
      <c r="A515" s="4" t="s">
        <v>267</v>
      </c>
      <c r="B515" s="4" t="s">
        <v>1097</v>
      </c>
      <c r="C515" s="4" t="s">
        <v>790</v>
      </c>
      <c r="D515" s="4" t="s">
        <v>791</v>
      </c>
      <c r="E515" s="3">
        <v>4</v>
      </c>
    </row>
    <row r="516" spans="1:5" ht="30" x14ac:dyDescent="0.25">
      <c r="A516" s="4" t="s">
        <v>975</v>
      </c>
      <c r="B516" s="4" t="s">
        <v>234</v>
      </c>
      <c r="C516" s="4" t="s">
        <v>603</v>
      </c>
      <c r="D516" s="4" t="s">
        <v>602</v>
      </c>
      <c r="E516" s="3">
        <v>5</v>
      </c>
    </row>
    <row r="517" spans="1:5" ht="15" x14ac:dyDescent="0.25">
      <c r="A517" s="4" t="s">
        <v>162</v>
      </c>
      <c r="B517" s="4" t="s">
        <v>107</v>
      </c>
      <c r="C517" s="4" t="s">
        <v>792</v>
      </c>
      <c r="D517" s="4" t="s">
        <v>793</v>
      </c>
      <c r="E517" s="3">
        <v>6</v>
      </c>
    </row>
    <row r="518" spans="1:5" ht="15" x14ac:dyDescent="0.25">
      <c r="A518" s="4" t="s">
        <v>570</v>
      </c>
      <c r="B518" s="4" t="s">
        <v>29</v>
      </c>
      <c r="C518" s="4" t="s">
        <v>796</v>
      </c>
      <c r="D518" s="4" t="s">
        <v>797</v>
      </c>
      <c r="E518" s="3">
        <v>7</v>
      </c>
    </row>
    <row r="519" spans="1:5" ht="15" x14ac:dyDescent="0.25">
      <c r="A519" s="4" t="s">
        <v>649</v>
      </c>
      <c r="B519" s="4" t="s">
        <v>220</v>
      </c>
      <c r="C519" s="4" t="s">
        <v>799</v>
      </c>
      <c r="D519" s="4" t="s">
        <v>800</v>
      </c>
      <c r="E519" s="3">
        <v>8</v>
      </c>
    </row>
    <row r="520" spans="1:5" ht="15" x14ac:dyDescent="0.25">
      <c r="A520" s="4" t="s">
        <v>255</v>
      </c>
      <c r="B520" s="4" t="s">
        <v>1095</v>
      </c>
      <c r="C520" s="4" t="s">
        <v>788</v>
      </c>
      <c r="D520" s="4" t="s">
        <v>789</v>
      </c>
      <c r="E520" s="3">
        <v>9</v>
      </c>
    </row>
    <row r="521" spans="1:5" ht="15" x14ac:dyDescent="0.25">
      <c r="A521" s="4" t="s">
        <v>1096</v>
      </c>
      <c r="B521" s="4" t="s">
        <v>1097</v>
      </c>
      <c r="C521" s="4" t="s">
        <v>794</v>
      </c>
      <c r="D521" s="4" t="s">
        <v>795</v>
      </c>
      <c r="E521" s="3">
        <v>10</v>
      </c>
    </row>
    <row r="523" spans="1:5" x14ac:dyDescent="0.2">
      <c r="A523" s="1" t="s">
        <v>120</v>
      </c>
      <c r="B523" s="3"/>
      <c r="C523" s="3"/>
      <c r="D523" s="3"/>
      <c r="E523" s="1" t="s">
        <v>391</v>
      </c>
    </row>
    <row r="524" spans="1:5" ht="15" x14ac:dyDescent="0.25">
      <c r="A524" s="2" t="s">
        <v>542</v>
      </c>
      <c r="B524" s="2" t="s">
        <v>220</v>
      </c>
      <c r="C524" s="2" t="s">
        <v>779</v>
      </c>
      <c r="D524" s="2" t="s">
        <v>780</v>
      </c>
      <c r="E524" s="3">
        <v>1</v>
      </c>
    </row>
    <row r="525" spans="1:5" ht="15" x14ac:dyDescent="0.25">
      <c r="A525" s="4" t="s">
        <v>430</v>
      </c>
      <c r="B525" s="4" t="s">
        <v>29</v>
      </c>
      <c r="C525" s="4" t="s">
        <v>774</v>
      </c>
      <c r="D525" s="4" t="s">
        <v>775</v>
      </c>
      <c r="E525" s="3">
        <v>2</v>
      </c>
    </row>
    <row r="526" spans="1:5" ht="30" x14ac:dyDescent="0.25">
      <c r="A526" s="4" t="s">
        <v>542</v>
      </c>
      <c r="B526" s="4" t="s">
        <v>220</v>
      </c>
      <c r="C526" s="4" t="s">
        <v>121</v>
      </c>
      <c r="D526" s="4" t="s">
        <v>122</v>
      </c>
      <c r="E526" s="3">
        <v>3</v>
      </c>
    </row>
    <row r="527" spans="1:5" ht="15" x14ac:dyDescent="0.25">
      <c r="A527" s="4" t="s">
        <v>277</v>
      </c>
      <c r="B527" s="4" t="s">
        <v>29</v>
      </c>
      <c r="C527" s="4" t="s">
        <v>784</v>
      </c>
      <c r="D527" s="4" t="s">
        <v>785</v>
      </c>
      <c r="E527" s="3">
        <v>4</v>
      </c>
    </row>
    <row r="528" spans="1:5" ht="30" x14ac:dyDescent="0.25">
      <c r="A528" s="4" t="s">
        <v>575</v>
      </c>
      <c r="B528" s="4" t="s">
        <v>18</v>
      </c>
      <c r="C528" s="4" t="s">
        <v>778</v>
      </c>
      <c r="D528" s="4" t="s">
        <v>123</v>
      </c>
      <c r="E528" s="3">
        <v>5</v>
      </c>
    </row>
    <row r="529" spans="1:5" ht="15" x14ac:dyDescent="0.25">
      <c r="A529" s="4" t="s">
        <v>27</v>
      </c>
      <c r="B529" s="4" t="s">
        <v>18</v>
      </c>
      <c r="C529" s="4" t="s">
        <v>776</v>
      </c>
      <c r="D529" s="4" t="s">
        <v>777</v>
      </c>
      <c r="E529" s="3">
        <v>6</v>
      </c>
    </row>
    <row r="530" spans="1:5" ht="15" x14ac:dyDescent="0.25">
      <c r="A530" s="4" t="s">
        <v>489</v>
      </c>
      <c r="B530" s="4" t="s">
        <v>490</v>
      </c>
      <c r="C530" s="4" t="s">
        <v>410</v>
      </c>
      <c r="D530" s="4" t="s">
        <v>491</v>
      </c>
      <c r="E530" s="3">
        <v>7</v>
      </c>
    </row>
    <row r="531" spans="1:5" ht="30" x14ac:dyDescent="0.25">
      <c r="A531" s="4" t="s">
        <v>611</v>
      </c>
      <c r="B531" s="4" t="s">
        <v>1095</v>
      </c>
      <c r="C531" s="4" t="s">
        <v>124</v>
      </c>
      <c r="D531" s="4" t="s">
        <v>781</v>
      </c>
      <c r="E531" s="3">
        <v>8</v>
      </c>
    </row>
    <row r="532" spans="1:5" ht="15" x14ac:dyDescent="0.25">
      <c r="A532" s="4" t="s">
        <v>521</v>
      </c>
      <c r="B532" s="4" t="s">
        <v>140</v>
      </c>
      <c r="C532" s="4" t="s">
        <v>782</v>
      </c>
      <c r="D532" s="4" t="s">
        <v>783</v>
      </c>
      <c r="E532" s="3">
        <v>9</v>
      </c>
    </row>
    <row r="533" spans="1:5" ht="15" x14ac:dyDescent="0.25">
      <c r="A533" s="4" t="s">
        <v>501</v>
      </c>
      <c r="B533" s="4" t="s">
        <v>107</v>
      </c>
      <c r="C533" s="4" t="s">
        <v>504</v>
      </c>
      <c r="D533" s="4" t="s">
        <v>190</v>
      </c>
      <c r="E533" s="3">
        <v>10</v>
      </c>
    </row>
    <row r="535" spans="1:5" x14ac:dyDescent="0.2">
      <c r="A535" s="1" t="s">
        <v>394</v>
      </c>
      <c r="B535" s="3"/>
      <c r="C535" s="3"/>
      <c r="D535" s="3"/>
      <c r="E535" s="3"/>
    </row>
    <row r="536" spans="1:5" x14ac:dyDescent="0.2">
      <c r="A536" s="3"/>
      <c r="B536" s="3"/>
      <c r="C536" s="3"/>
      <c r="D536" s="3"/>
      <c r="E536" s="3"/>
    </row>
    <row r="537" spans="1:5" x14ac:dyDescent="0.2">
      <c r="A537" s="3"/>
      <c r="B537" s="3"/>
      <c r="C537" s="3"/>
      <c r="D537" s="3"/>
      <c r="E537" s="3" t="s">
        <v>391</v>
      </c>
    </row>
    <row r="538" spans="1:5" ht="15" x14ac:dyDescent="0.25">
      <c r="A538" s="4" t="s">
        <v>261</v>
      </c>
      <c r="B538" s="4" t="s">
        <v>234</v>
      </c>
      <c r="C538" s="4" t="s">
        <v>262</v>
      </c>
      <c r="D538" s="4" t="s">
        <v>263</v>
      </c>
      <c r="E538" s="3">
        <v>1</v>
      </c>
    </row>
    <row r="539" spans="1:5" ht="15" x14ac:dyDescent="0.25">
      <c r="A539" s="4" t="s">
        <v>1042</v>
      </c>
      <c r="B539" s="4" t="s">
        <v>490</v>
      </c>
      <c r="C539" s="4" t="s">
        <v>363</v>
      </c>
      <c r="D539" s="4" t="s">
        <v>1044</v>
      </c>
      <c r="E539" s="3">
        <v>2</v>
      </c>
    </row>
    <row r="540" spans="1:5" ht="30" x14ac:dyDescent="0.25">
      <c r="A540" s="4" t="s">
        <v>693</v>
      </c>
      <c r="B540" s="4" t="s">
        <v>234</v>
      </c>
      <c r="C540" s="4" t="s">
        <v>694</v>
      </c>
      <c r="D540" s="4" t="s">
        <v>647</v>
      </c>
      <c r="E540" s="3">
        <v>3</v>
      </c>
    </row>
    <row r="541" spans="1:5" ht="15" x14ac:dyDescent="0.25">
      <c r="A541" s="4" t="s">
        <v>687</v>
      </c>
      <c r="B541" s="4" t="s">
        <v>220</v>
      </c>
      <c r="C541" s="4" t="s">
        <v>664</v>
      </c>
      <c r="D541" s="4" t="s">
        <v>688</v>
      </c>
      <c r="E541" s="3">
        <v>4</v>
      </c>
    </row>
    <row r="542" spans="1:5" ht="15" x14ac:dyDescent="0.25">
      <c r="A542" s="4" t="s">
        <v>505</v>
      </c>
      <c r="B542" s="4" t="s">
        <v>140</v>
      </c>
      <c r="C542" s="4" t="s">
        <v>515</v>
      </c>
      <c r="D542" s="4" t="s">
        <v>516</v>
      </c>
      <c r="E542" s="3">
        <v>5</v>
      </c>
    </row>
    <row r="543" spans="1:5" ht="15" x14ac:dyDescent="0.25">
      <c r="A543" s="4" t="s">
        <v>1029</v>
      </c>
      <c r="B543" s="4" t="s">
        <v>1095</v>
      </c>
      <c r="C543" s="4" t="s">
        <v>39</v>
      </c>
      <c r="D543" s="4" t="s">
        <v>421</v>
      </c>
      <c r="E543" s="3">
        <v>6</v>
      </c>
    </row>
    <row r="544" spans="1:5" ht="15" x14ac:dyDescent="0.25">
      <c r="A544" s="4" t="s">
        <v>420</v>
      </c>
      <c r="B544" s="4" t="s">
        <v>1095</v>
      </c>
      <c r="C544" s="4" t="s">
        <v>422</v>
      </c>
      <c r="D544" s="4" t="s">
        <v>211</v>
      </c>
      <c r="E544" s="3">
        <v>7</v>
      </c>
    </row>
    <row r="545" spans="1:5" ht="15" x14ac:dyDescent="0.25">
      <c r="A545" s="4" t="s">
        <v>701</v>
      </c>
      <c r="B545" s="4" t="s">
        <v>140</v>
      </c>
      <c r="C545" s="4" t="s">
        <v>703</v>
      </c>
      <c r="D545" s="4" t="s">
        <v>565</v>
      </c>
      <c r="E545" s="3">
        <v>8</v>
      </c>
    </row>
    <row r="546" spans="1:5" ht="15" x14ac:dyDescent="0.25">
      <c r="A546" s="4" t="s">
        <v>549</v>
      </c>
      <c r="B546" s="4" t="s">
        <v>140</v>
      </c>
      <c r="C546" s="4" t="s">
        <v>7</v>
      </c>
      <c r="D546" s="4" t="s">
        <v>555</v>
      </c>
      <c r="E546" s="3"/>
    </row>
    <row r="547" spans="1:5" ht="15" x14ac:dyDescent="0.25">
      <c r="A547" s="4" t="s">
        <v>965</v>
      </c>
      <c r="B547" s="4" t="s">
        <v>490</v>
      </c>
      <c r="C547" s="4" t="s">
        <v>93</v>
      </c>
      <c r="D547" s="4" t="s">
        <v>207</v>
      </c>
      <c r="E547" s="3"/>
    </row>
    <row r="549" spans="1:5" x14ac:dyDescent="0.2">
      <c r="A549" s="1" t="s">
        <v>393</v>
      </c>
      <c r="B549" s="1"/>
      <c r="C549" s="1"/>
      <c r="D549" s="1"/>
      <c r="E549" s="1"/>
    </row>
    <row r="550" spans="1:5" x14ac:dyDescent="0.2">
      <c r="A550" s="3"/>
      <c r="B550" s="3"/>
      <c r="C550" s="3"/>
      <c r="D550" s="3"/>
      <c r="E550" s="3"/>
    </row>
    <row r="551" spans="1:5" x14ac:dyDescent="0.2">
      <c r="A551" s="3"/>
      <c r="B551" s="3"/>
      <c r="C551" s="3"/>
      <c r="D551" s="3"/>
      <c r="E551" s="3" t="s">
        <v>391</v>
      </c>
    </row>
    <row r="552" spans="1:5" ht="15" x14ac:dyDescent="0.25">
      <c r="A552" s="4" t="s">
        <v>451</v>
      </c>
      <c r="B552" s="4" t="s">
        <v>220</v>
      </c>
      <c r="C552" s="4" t="s">
        <v>221</v>
      </c>
      <c r="D552" s="4" t="s">
        <v>455</v>
      </c>
      <c r="E552" s="3">
        <v>1</v>
      </c>
    </row>
    <row r="553" spans="1:5" ht="15" x14ac:dyDescent="0.25">
      <c r="A553" s="4" t="s">
        <v>57</v>
      </c>
      <c r="B553" s="4" t="s">
        <v>18</v>
      </c>
      <c r="C553" s="4" t="s">
        <v>185</v>
      </c>
      <c r="D553" s="4" t="s">
        <v>87</v>
      </c>
      <c r="E553" s="3">
        <v>2</v>
      </c>
    </row>
    <row r="554" spans="1:5" ht="15" x14ac:dyDescent="0.25">
      <c r="A554" s="4" t="s">
        <v>57</v>
      </c>
      <c r="B554" s="4" t="s">
        <v>18</v>
      </c>
      <c r="C554" s="4" t="s">
        <v>41</v>
      </c>
      <c r="D554" s="4" t="s">
        <v>106</v>
      </c>
      <c r="E554" s="3">
        <v>3</v>
      </c>
    </row>
    <row r="555" spans="1:5" ht="15" x14ac:dyDescent="0.25">
      <c r="A555" s="4" t="s">
        <v>57</v>
      </c>
      <c r="B555" s="4" t="s">
        <v>18</v>
      </c>
      <c r="C555" s="4" t="s">
        <v>59</v>
      </c>
      <c r="D555" s="4" t="s">
        <v>60</v>
      </c>
      <c r="E555" s="3">
        <v>4</v>
      </c>
    </row>
    <row r="556" spans="1:5" ht="15" x14ac:dyDescent="0.25">
      <c r="A556" s="4" t="s">
        <v>374</v>
      </c>
      <c r="B556" s="4" t="s">
        <v>1095</v>
      </c>
      <c r="C556" s="4" t="s">
        <v>595</v>
      </c>
      <c r="D556" s="4" t="s">
        <v>596</v>
      </c>
      <c r="E556" s="3">
        <v>5</v>
      </c>
    </row>
    <row r="557" spans="1:5" ht="15" x14ac:dyDescent="0.25">
      <c r="A557" s="4" t="s">
        <v>1057</v>
      </c>
      <c r="B557" s="4" t="s">
        <v>490</v>
      </c>
      <c r="C557" s="4" t="s">
        <v>260</v>
      </c>
      <c r="D557" s="4" t="s">
        <v>1058</v>
      </c>
      <c r="E557" s="3">
        <v>6</v>
      </c>
    </row>
    <row r="558" spans="1:5" ht="15" x14ac:dyDescent="0.25">
      <c r="A558" s="4" t="s">
        <v>660</v>
      </c>
      <c r="B558" s="4" t="s">
        <v>234</v>
      </c>
      <c r="C558" s="4" t="s">
        <v>15</v>
      </c>
      <c r="D558" s="4" t="s">
        <v>661</v>
      </c>
      <c r="E558" s="3">
        <v>7</v>
      </c>
    </row>
    <row r="559" spans="1:5" ht="15" x14ac:dyDescent="0.25">
      <c r="A559" s="4" t="s">
        <v>711</v>
      </c>
      <c r="B559" s="4" t="s">
        <v>234</v>
      </c>
      <c r="C559" s="4" t="s">
        <v>212</v>
      </c>
      <c r="D559" s="4" t="s">
        <v>713</v>
      </c>
      <c r="E559" s="3">
        <v>8</v>
      </c>
    </row>
    <row r="560" spans="1:5" ht="15" x14ac:dyDescent="0.25">
      <c r="A560" s="4" t="s">
        <v>331</v>
      </c>
      <c r="B560" s="4" t="s">
        <v>1097</v>
      </c>
      <c r="C560" s="4" t="s">
        <v>169</v>
      </c>
      <c r="D560" s="4" t="s">
        <v>333</v>
      </c>
      <c r="E560" s="3">
        <v>9</v>
      </c>
    </row>
    <row r="561" spans="1:5" ht="15" x14ac:dyDescent="0.25">
      <c r="A561" s="4" t="s">
        <v>711</v>
      </c>
      <c r="B561" s="4" t="s">
        <v>234</v>
      </c>
      <c r="C561" s="4" t="s">
        <v>416</v>
      </c>
      <c r="D561" s="4" t="s">
        <v>712</v>
      </c>
      <c r="E561" s="3">
        <v>10</v>
      </c>
    </row>
    <row r="563" spans="1:5" x14ac:dyDescent="0.2">
      <c r="A563" s="1" t="s">
        <v>351</v>
      </c>
      <c r="B563" s="3"/>
      <c r="C563" s="3"/>
      <c r="D563" s="3"/>
      <c r="E563" s="1" t="s">
        <v>391</v>
      </c>
    </row>
    <row r="564" spans="1:5" x14ac:dyDescent="0.2">
      <c r="A564" s="3"/>
      <c r="B564" s="3"/>
      <c r="C564" s="3"/>
      <c r="D564" s="3"/>
      <c r="E564" s="3"/>
    </row>
    <row r="565" spans="1:5" ht="15" x14ac:dyDescent="0.25">
      <c r="A565" s="4" t="s">
        <v>430</v>
      </c>
      <c r="B565" s="4" t="s">
        <v>29</v>
      </c>
      <c r="C565" s="4" t="s">
        <v>766</v>
      </c>
      <c r="D565" s="4" t="s">
        <v>767</v>
      </c>
      <c r="E565" s="3">
        <v>1</v>
      </c>
    </row>
    <row r="566" spans="1:5" ht="15" x14ac:dyDescent="0.25">
      <c r="A566" s="4" t="s">
        <v>663</v>
      </c>
      <c r="B566" s="4" t="s">
        <v>107</v>
      </c>
      <c r="C566" s="4" t="s">
        <v>764</v>
      </c>
      <c r="D566" s="4" t="s">
        <v>765</v>
      </c>
      <c r="E566" s="3">
        <v>2</v>
      </c>
    </row>
    <row r="567" spans="1:5" ht="15" x14ac:dyDescent="0.25">
      <c r="A567" s="4" t="s">
        <v>718</v>
      </c>
      <c r="B567" s="4" t="s">
        <v>490</v>
      </c>
      <c r="C567" s="4" t="s">
        <v>772</v>
      </c>
      <c r="D567" s="4" t="s">
        <v>773</v>
      </c>
      <c r="E567" s="3">
        <v>3</v>
      </c>
    </row>
    <row r="568" spans="1:5" ht="15" x14ac:dyDescent="0.25">
      <c r="A568" s="4" t="s">
        <v>718</v>
      </c>
      <c r="B568" s="4" t="s">
        <v>490</v>
      </c>
      <c r="C568" s="4" t="s">
        <v>762</v>
      </c>
      <c r="D568" s="4" t="s">
        <v>763</v>
      </c>
      <c r="E568" s="3">
        <v>4</v>
      </c>
    </row>
    <row r="569" spans="1:5" ht="30" x14ac:dyDescent="0.25">
      <c r="A569" s="4" t="s">
        <v>277</v>
      </c>
      <c r="B569" s="4" t="s">
        <v>29</v>
      </c>
      <c r="C569" s="4" t="s">
        <v>771</v>
      </c>
      <c r="D569" s="4" t="s">
        <v>353</v>
      </c>
      <c r="E569" s="3">
        <v>5</v>
      </c>
    </row>
    <row r="570" spans="1:5" ht="15" x14ac:dyDescent="0.25">
      <c r="A570" s="4" t="s">
        <v>975</v>
      </c>
      <c r="B570" s="4" t="s">
        <v>234</v>
      </c>
      <c r="C570" s="4" t="s">
        <v>768</v>
      </c>
      <c r="D570" s="4" t="s">
        <v>769</v>
      </c>
      <c r="E570" s="3">
        <v>6</v>
      </c>
    </row>
    <row r="571" spans="1:5" ht="30" x14ac:dyDescent="0.25">
      <c r="A571" s="4" t="s">
        <v>505</v>
      </c>
      <c r="B571" s="4" t="s">
        <v>140</v>
      </c>
      <c r="C571" s="4" t="s">
        <v>352</v>
      </c>
      <c r="D571" s="4" t="s">
        <v>770</v>
      </c>
      <c r="E571" s="3">
        <v>7</v>
      </c>
    </row>
    <row r="572" spans="1:5" ht="15" x14ac:dyDescent="0.25">
      <c r="A572" s="4" t="s">
        <v>524</v>
      </c>
      <c r="B572" s="4" t="s">
        <v>220</v>
      </c>
      <c r="C572" s="4" t="s">
        <v>12</v>
      </c>
      <c r="D572" s="4" t="s">
        <v>529</v>
      </c>
      <c r="E572" s="3">
        <v>8</v>
      </c>
    </row>
    <row r="574" spans="1:5" x14ac:dyDescent="0.2">
      <c r="A574" s="1" t="s">
        <v>401</v>
      </c>
      <c r="B574" s="3"/>
      <c r="C574" s="3"/>
      <c r="D574" s="3"/>
      <c r="E574" s="1" t="s">
        <v>391</v>
      </c>
    </row>
    <row r="575" spans="1:5" ht="15" x14ac:dyDescent="0.25">
      <c r="A575" s="4" t="s">
        <v>617</v>
      </c>
      <c r="B575" s="4" t="s">
        <v>220</v>
      </c>
      <c r="C575" s="4" t="s">
        <v>756</v>
      </c>
      <c r="D575" s="4" t="s">
        <v>757</v>
      </c>
      <c r="E575" s="3">
        <v>1</v>
      </c>
    </row>
    <row r="576" spans="1:5" ht="15" x14ac:dyDescent="0.25">
      <c r="A576" s="4" t="s">
        <v>57</v>
      </c>
      <c r="B576" s="4" t="s">
        <v>18</v>
      </c>
      <c r="C576" s="4" t="s">
        <v>746</v>
      </c>
      <c r="D576" s="4" t="s">
        <v>747</v>
      </c>
      <c r="E576" s="3">
        <v>2</v>
      </c>
    </row>
    <row r="577" spans="1:5" ht="15" x14ac:dyDescent="0.25">
      <c r="A577" s="4" t="s">
        <v>570</v>
      </c>
      <c r="B577" s="4" t="s">
        <v>29</v>
      </c>
      <c r="C577" s="4" t="s">
        <v>751</v>
      </c>
      <c r="D577" s="4" t="s">
        <v>752</v>
      </c>
      <c r="E577" s="3">
        <v>3</v>
      </c>
    </row>
    <row r="578" spans="1:5" ht="30" x14ac:dyDescent="0.25">
      <c r="A578" s="4" t="s">
        <v>404</v>
      </c>
      <c r="B578" s="4" t="s">
        <v>107</v>
      </c>
      <c r="C578" s="4" t="s">
        <v>753</v>
      </c>
      <c r="D578" s="4" t="s">
        <v>754</v>
      </c>
      <c r="E578" s="10">
        <v>4</v>
      </c>
    </row>
    <row r="579" spans="1:5" ht="30" x14ac:dyDescent="0.25">
      <c r="A579" s="4" t="s">
        <v>110</v>
      </c>
      <c r="B579" s="4" t="s">
        <v>18</v>
      </c>
      <c r="C579" s="4" t="s">
        <v>748</v>
      </c>
      <c r="D579" s="4" t="s">
        <v>403</v>
      </c>
      <c r="E579" s="10">
        <v>5</v>
      </c>
    </row>
    <row r="580" spans="1:5" ht="15" x14ac:dyDescent="0.25">
      <c r="A580" s="4" t="s">
        <v>611</v>
      </c>
      <c r="B580" s="4" t="s">
        <v>1095</v>
      </c>
      <c r="C580" s="4" t="s">
        <v>758</v>
      </c>
      <c r="D580" s="4" t="s">
        <v>759</v>
      </c>
      <c r="E580" s="10">
        <v>6</v>
      </c>
    </row>
    <row r="581" spans="1:5" ht="30" x14ac:dyDescent="0.25">
      <c r="A581" s="4" t="s">
        <v>409</v>
      </c>
      <c r="B581" s="4" t="s">
        <v>29</v>
      </c>
      <c r="C581" s="4" t="s">
        <v>755</v>
      </c>
      <c r="D581" s="4" t="s">
        <v>402</v>
      </c>
      <c r="E581" s="10">
        <v>7</v>
      </c>
    </row>
    <row r="582" spans="1:5" ht="15" x14ac:dyDescent="0.25">
      <c r="A582" s="4" t="s">
        <v>623</v>
      </c>
      <c r="B582" s="4" t="s">
        <v>1097</v>
      </c>
      <c r="C582" s="4" t="s">
        <v>760</v>
      </c>
      <c r="D582" s="4" t="s">
        <v>761</v>
      </c>
      <c r="E582" s="10">
        <v>8</v>
      </c>
    </row>
    <row r="583" spans="1:5" ht="15" x14ac:dyDescent="0.25">
      <c r="A583" s="4" t="s">
        <v>716</v>
      </c>
      <c r="B583" s="4" t="s">
        <v>1095</v>
      </c>
      <c r="C583" s="4" t="s">
        <v>749</v>
      </c>
      <c r="D583" s="4" t="s">
        <v>750</v>
      </c>
      <c r="E583" s="16">
        <v>9</v>
      </c>
    </row>
    <row r="585" spans="1:5" x14ac:dyDescent="0.2">
      <c r="A585" s="1" t="s">
        <v>395</v>
      </c>
      <c r="B585" s="3"/>
      <c r="C585" s="3"/>
      <c r="D585" s="3"/>
      <c r="E585" s="1" t="s">
        <v>391</v>
      </c>
    </row>
    <row r="586" spans="1:5" x14ac:dyDescent="0.2">
      <c r="A586" s="3"/>
      <c r="B586" s="3"/>
      <c r="C586" s="3"/>
      <c r="D586" s="3"/>
      <c r="E586" s="3"/>
    </row>
    <row r="587" spans="1:5" ht="15" x14ac:dyDescent="0.25">
      <c r="A587" s="4" t="s">
        <v>178</v>
      </c>
      <c r="B587" s="4" t="s">
        <v>29</v>
      </c>
      <c r="C587" s="4" t="s">
        <v>676</v>
      </c>
      <c r="D587" s="4" t="s">
        <v>677</v>
      </c>
      <c r="E587" s="3">
        <v>1</v>
      </c>
    </row>
    <row r="588" spans="1:5" ht="15" x14ac:dyDescent="0.25">
      <c r="A588" s="4" t="s">
        <v>429</v>
      </c>
      <c r="B588" s="4" t="s">
        <v>107</v>
      </c>
      <c r="C588" s="4" t="s">
        <v>169</v>
      </c>
      <c r="D588" s="4" t="s">
        <v>200</v>
      </c>
      <c r="E588" s="3">
        <v>2</v>
      </c>
    </row>
    <row r="589" spans="1:5" ht="15" x14ac:dyDescent="0.25">
      <c r="A589" s="4" t="s">
        <v>17</v>
      </c>
      <c r="B589" s="4" t="s">
        <v>18</v>
      </c>
      <c r="C589" s="4" t="s">
        <v>26</v>
      </c>
      <c r="D589" s="4" t="s">
        <v>22</v>
      </c>
      <c r="E589" s="3">
        <v>3</v>
      </c>
    </row>
    <row r="590" spans="1:5" ht="15" x14ac:dyDescent="0.25">
      <c r="A590" s="4" t="s">
        <v>706</v>
      </c>
      <c r="B590" s="4" t="s">
        <v>220</v>
      </c>
      <c r="C590" s="4" t="s">
        <v>223</v>
      </c>
      <c r="D590" s="4" t="s">
        <v>196</v>
      </c>
      <c r="E590" s="3">
        <v>4</v>
      </c>
    </row>
    <row r="591" spans="1:5" ht="15" x14ac:dyDescent="0.25">
      <c r="A591" s="4" t="s">
        <v>692</v>
      </c>
      <c r="B591" s="4" t="s">
        <v>107</v>
      </c>
      <c r="C591" s="4" t="s">
        <v>337</v>
      </c>
      <c r="D591" s="4" t="s">
        <v>227</v>
      </c>
      <c r="E591" s="3">
        <v>5</v>
      </c>
    </row>
    <row r="592" spans="1:5" ht="15" x14ac:dyDescent="0.25">
      <c r="A592" s="4" t="s">
        <v>374</v>
      </c>
      <c r="B592" s="4" t="s">
        <v>1095</v>
      </c>
      <c r="C592" s="4" t="s">
        <v>433</v>
      </c>
      <c r="D592" s="4" t="s">
        <v>594</v>
      </c>
      <c r="E592" s="3">
        <v>6</v>
      </c>
    </row>
    <row r="593" spans="1:5" ht="15" x14ac:dyDescent="0.25">
      <c r="A593" s="4" t="s">
        <v>1039</v>
      </c>
      <c r="B593" s="4" t="s">
        <v>234</v>
      </c>
      <c r="C593" s="4" t="s">
        <v>1040</v>
      </c>
      <c r="D593" s="4" t="s">
        <v>1041</v>
      </c>
      <c r="E593" s="3">
        <v>7</v>
      </c>
    </row>
    <row r="594" spans="1:5" ht="15" x14ac:dyDescent="0.25">
      <c r="A594" s="4" t="s">
        <v>1020</v>
      </c>
      <c r="B594" s="4" t="s">
        <v>490</v>
      </c>
      <c r="C594" s="4" t="s">
        <v>19</v>
      </c>
      <c r="D594" s="4" t="s">
        <v>1022</v>
      </c>
      <c r="E594" s="3">
        <v>8</v>
      </c>
    </row>
    <row r="595" spans="1:5" ht="15" x14ac:dyDescent="0.25">
      <c r="A595" s="4" t="s">
        <v>1066</v>
      </c>
      <c r="B595" s="4" t="s">
        <v>490</v>
      </c>
      <c r="C595" s="4" t="s">
        <v>54</v>
      </c>
      <c r="D595" s="4" t="s">
        <v>424</v>
      </c>
      <c r="E595" s="3">
        <v>9</v>
      </c>
    </row>
    <row r="596" spans="1:5" ht="15" x14ac:dyDescent="0.25">
      <c r="A596" s="4" t="s">
        <v>698</v>
      </c>
      <c r="B596" s="4" t="s">
        <v>234</v>
      </c>
      <c r="C596" s="4" t="s">
        <v>705</v>
      </c>
      <c r="D596" s="4" t="s">
        <v>658</v>
      </c>
      <c r="E596" s="3">
        <v>10</v>
      </c>
    </row>
    <row r="598" spans="1:5" x14ac:dyDescent="0.2">
      <c r="A598" s="1" t="s">
        <v>392</v>
      </c>
      <c r="B598" s="1"/>
      <c r="C598" s="1"/>
      <c r="D598" s="1"/>
      <c r="E598" s="1" t="s">
        <v>391</v>
      </c>
    </row>
    <row r="599" spans="1:5" x14ac:dyDescent="0.2">
      <c r="A599" s="3"/>
      <c r="B599" s="3"/>
      <c r="C599" s="3"/>
      <c r="D599" s="3"/>
      <c r="E599" s="3"/>
    </row>
    <row r="600" spans="1:5" ht="15" x14ac:dyDescent="0.25">
      <c r="A600" s="4" t="s">
        <v>672</v>
      </c>
      <c r="B600" s="4" t="s">
        <v>107</v>
      </c>
      <c r="C600" s="4" t="s">
        <v>673</v>
      </c>
      <c r="D600" s="4" t="s">
        <v>674</v>
      </c>
      <c r="E600" s="3">
        <v>1</v>
      </c>
    </row>
    <row r="601" spans="1:5" ht="15" x14ac:dyDescent="0.25">
      <c r="A601" s="4" t="s">
        <v>492</v>
      </c>
      <c r="B601" s="4" t="s">
        <v>1097</v>
      </c>
      <c r="C601" s="4" t="s">
        <v>274</v>
      </c>
      <c r="D601" s="4" t="s">
        <v>495</v>
      </c>
      <c r="E601" s="3">
        <v>2</v>
      </c>
    </row>
    <row r="602" spans="1:5" ht="15" x14ac:dyDescent="0.25">
      <c r="A602" s="4" t="s">
        <v>255</v>
      </c>
      <c r="B602" s="4" t="s">
        <v>1095</v>
      </c>
      <c r="C602" s="4" t="s">
        <v>256</v>
      </c>
      <c r="D602" s="4" t="s">
        <v>257</v>
      </c>
      <c r="E602" s="3">
        <v>3</v>
      </c>
    </row>
    <row r="603" spans="1:5" ht="15" x14ac:dyDescent="0.25">
      <c r="A603" s="4" t="s">
        <v>468</v>
      </c>
      <c r="B603" s="4" t="s">
        <v>234</v>
      </c>
      <c r="C603" s="4" t="s">
        <v>473</v>
      </c>
      <c r="D603" s="4" t="s">
        <v>474</v>
      </c>
      <c r="E603" s="3">
        <v>4</v>
      </c>
    </row>
    <row r="604" spans="1:5" ht="15" x14ac:dyDescent="0.25">
      <c r="A604" s="4" t="s">
        <v>90</v>
      </c>
      <c r="B604" s="4" t="s">
        <v>18</v>
      </c>
      <c r="C604" s="4" t="s">
        <v>91</v>
      </c>
      <c r="D604" s="4" t="s">
        <v>92</v>
      </c>
      <c r="E604" s="3">
        <v>5</v>
      </c>
    </row>
    <row r="605" spans="1:5" ht="15" x14ac:dyDescent="0.25">
      <c r="A605" s="4" t="s">
        <v>542</v>
      </c>
      <c r="B605" s="4" t="s">
        <v>220</v>
      </c>
      <c r="C605" s="4" t="s">
        <v>566</v>
      </c>
      <c r="D605" s="4" t="s">
        <v>567</v>
      </c>
      <c r="E605" s="3">
        <v>6</v>
      </c>
    </row>
    <row r="606" spans="1:5" ht="15" x14ac:dyDescent="0.25">
      <c r="A606" s="4" t="s">
        <v>549</v>
      </c>
      <c r="B606" s="4" t="s">
        <v>140</v>
      </c>
      <c r="C606" s="4" t="s">
        <v>556</v>
      </c>
      <c r="D606" s="4" t="s">
        <v>557</v>
      </c>
      <c r="E606" s="3">
        <v>7</v>
      </c>
    </row>
    <row r="607" spans="1:5" ht="15" x14ac:dyDescent="0.25">
      <c r="A607" s="4" t="s">
        <v>671</v>
      </c>
      <c r="B607" s="4" t="s">
        <v>220</v>
      </c>
      <c r="C607" s="4" t="s">
        <v>32</v>
      </c>
      <c r="D607" s="4" t="s">
        <v>279</v>
      </c>
      <c r="E607" s="3">
        <v>8</v>
      </c>
    </row>
    <row r="608" spans="1:5" ht="15" x14ac:dyDescent="0.25">
      <c r="A608" s="4" t="s">
        <v>27</v>
      </c>
      <c r="B608" s="4" t="s">
        <v>18</v>
      </c>
      <c r="C608" s="4" t="s">
        <v>203</v>
      </c>
      <c r="D608" s="4" t="s">
        <v>204</v>
      </c>
      <c r="E608" s="3">
        <v>9</v>
      </c>
    </row>
    <row r="609" spans="1:5" ht="15" x14ac:dyDescent="0.25">
      <c r="A609" s="4" t="s">
        <v>188</v>
      </c>
      <c r="B609" s="4" t="s">
        <v>18</v>
      </c>
      <c r="C609" s="4" t="s">
        <v>20</v>
      </c>
      <c r="D609" s="4" t="s">
        <v>189</v>
      </c>
      <c r="E609" s="3">
        <v>10</v>
      </c>
    </row>
    <row r="611" spans="1:5" x14ac:dyDescent="0.2">
      <c r="A611" s="1" t="s">
        <v>348</v>
      </c>
      <c r="B611" s="3"/>
      <c r="C611" s="3"/>
      <c r="D611" s="3"/>
      <c r="E611" s="1" t="s">
        <v>391</v>
      </c>
    </row>
    <row r="612" spans="1:5" ht="30" x14ac:dyDescent="0.25">
      <c r="A612" s="4" t="s">
        <v>723</v>
      </c>
      <c r="B612" s="4" t="s">
        <v>490</v>
      </c>
      <c r="C612" s="4" t="s">
        <v>737</v>
      </c>
      <c r="D612" s="4" t="s">
        <v>349</v>
      </c>
      <c r="E612" s="3">
        <v>1</v>
      </c>
    </row>
    <row r="613" spans="1:5" ht="30" x14ac:dyDescent="0.25">
      <c r="A613" s="4" t="s">
        <v>1029</v>
      </c>
      <c r="B613" s="4" t="s">
        <v>1095</v>
      </c>
      <c r="C613" s="4" t="s">
        <v>730</v>
      </c>
      <c r="D613" s="4" t="s">
        <v>350</v>
      </c>
      <c r="E613" s="3">
        <v>2</v>
      </c>
    </row>
    <row r="614" spans="1:5" ht="15" x14ac:dyDescent="0.25">
      <c r="A614" s="4" t="s">
        <v>208</v>
      </c>
      <c r="B614" s="4" t="s">
        <v>18</v>
      </c>
      <c r="C614" s="4" t="s">
        <v>738</v>
      </c>
      <c r="D614" s="4" t="s">
        <v>739</v>
      </c>
      <c r="E614" s="3">
        <v>3</v>
      </c>
    </row>
    <row r="615" spans="1:5" ht="15" x14ac:dyDescent="0.25">
      <c r="A615" s="4" t="s">
        <v>384</v>
      </c>
      <c r="B615" s="4" t="s">
        <v>29</v>
      </c>
      <c r="C615" s="4" t="s">
        <v>728</v>
      </c>
      <c r="D615" s="4" t="s">
        <v>729</v>
      </c>
      <c r="E615" s="3">
        <v>4</v>
      </c>
    </row>
    <row r="616" spans="1:5" x14ac:dyDescent="0.2">
      <c r="A616" s="13" t="s">
        <v>374</v>
      </c>
      <c r="B616" s="13" t="s">
        <v>1095</v>
      </c>
      <c r="C616" s="13" t="s">
        <v>920</v>
      </c>
      <c r="D616" s="13" t="s">
        <v>921</v>
      </c>
      <c r="E616" s="3">
        <v>5</v>
      </c>
    </row>
    <row r="617" spans="1:5" ht="15" x14ac:dyDescent="0.25">
      <c r="A617" s="4" t="s">
        <v>589</v>
      </c>
      <c r="B617" s="4" t="s">
        <v>29</v>
      </c>
      <c r="C617" s="4" t="s">
        <v>740</v>
      </c>
      <c r="D617" s="4" t="s">
        <v>741</v>
      </c>
      <c r="E617" s="3">
        <v>6</v>
      </c>
    </row>
    <row r="618" spans="1:5" ht="15" x14ac:dyDescent="0.25">
      <c r="A618" s="4" t="s">
        <v>501</v>
      </c>
      <c r="B618" s="4" t="s">
        <v>107</v>
      </c>
      <c r="C618" s="4" t="s">
        <v>731</v>
      </c>
      <c r="D618" s="4" t="s">
        <v>732</v>
      </c>
      <c r="E618" s="3">
        <v>7</v>
      </c>
    </row>
    <row r="619" spans="1:5" ht="15" x14ac:dyDescent="0.25">
      <c r="A619" s="4" t="s">
        <v>315</v>
      </c>
      <c r="B619" s="4" t="s">
        <v>18</v>
      </c>
      <c r="C619" s="4" t="s">
        <v>733</v>
      </c>
      <c r="D619" s="4" t="s">
        <v>734</v>
      </c>
      <c r="E619" s="3">
        <v>8</v>
      </c>
    </row>
    <row r="620" spans="1:5" ht="15" x14ac:dyDescent="0.25">
      <c r="A620" s="4" t="s">
        <v>338</v>
      </c>
      <c r="B620" s="4" t="s">
        <v>140</v>
      </c>
      <c r="C620" s="4" t="s">
        <v>726</v>
      </c>
      <c r="D620" s="4" t="s">
        <v>727</v>
      </c>
      <c r="E620" s="3">
        <v>9</v>
      </c>
    </row>
    <row r="621" spans="1:5" ht="15" x14ac:dyDescent="0.25">
      <c r="A621" s="4" t="s">
        <v>505</v>
      </c>
      <c r="B621" s="4" t="s">
        <v>140</v>
      </c>
      <c r="C621" s="4" t="s">
        <v>735</v>
      </c>
      <c r="D621" s="4" t="s">
        <v>736</v>
      </c>
      <c r="E621" s="3">
        <v>10</v>
      </c>
    </row>
    <row r="623" spans="1:5" x14ac:dyDescent="0.2">
      <c r="A623" s="17" t="s">
        <v>113</v>
      </c>
      <c r="B623" s="3"/>
      <c r="C623" s="3"/>
      <c r="D623" s="3"/>
      <c r="E623" s="1" t="s">
        <v>391</v>
      </c>
    </row>
    <row r="624" spans="1:5" x14ac:dyDescent="0.2">
      <c r="A624" s="3"/>
      <c r="B624" s="3"/>
      <c r="C624" s="3"/>
      <c r="D624" s="3"/>
      <c r="E624" s="3"/>
    </row>
    <row r="625" spans="1:5" ht="15" x14ac:dyDescent="0.25">
      <c r="A625" s="4" t="s">
        <v>178</v>
      </c>
      <c r="B625" s="4" t="s">
        <v>29</v>
      </c>
      <c r="C625" s="4" t="s">
        <v>628</v>
      </c>
      <c r="D625" s="4" t="s">
        <v>629</v>
      </c>
      <c r="E625" s="3">
        <v>1</v>
      </c>
    </row>
    <row r="626" spans="1:5" ht="30" x14ac:dyDescent="0.25">
      <c r="A626" s="4" t="s">
        <v>430</v>
      </c>
      <c r="B626" s="4" t="s">
        <v>29</v>
      </c>
      <c r="C626" s="4" t="s">
        <v>118</v>
      </c>
      <c r="D626" s="4" t="s">
        <v>627</v>
      </c>
      <c r="E626" s="3">
        <v>2</v>
      </c>
    </row>
    <row r="627" spans="1:5" ht="30" x14ac:dyDescent="0.25">
      <c r="A627" s="4" t="s">
        <v>671</v>
      </c>
      <c r="B627" s="4" t="s">
        <v>220</v>
      </c>
      <c r="C627" s="4" t="s">
        <v>624</v>
      </c>
      <c r="D627" s="4" t="s">
        <v>115</v>
      </c>
      <c r="E627" s="3">
        <v>3</v>
      </c>
    </row>
    <row r="628" spans="1:5" ht="30" x14ac:dyDescent="0.25">
      <c r="A628" s="4" t="s">
        <v>1096</v>
      </c>
      <c r="B628" s="4" t="s">
        <v>1097</v>
      </c>
      <c r="C628" s="4" t="s">
        <v>117</v>
      </c>
      <c r="D628" s="4" t="s">
        <v>116</v>
      </c>
      <c r="E628" s="3">
        <v>4</v>
      </c>
    </row>
    <row r="629" spans="1:5" ht="30" x14ac:dyDescent="0.25">
      <c r="A629" s="4" t="s">
        <v>492</v>
      </c>
      <c r="B629" s="4" t="s">
        <v>1097</v>
      </c>
      <c r="C629" s="4" t="s">
        <v>630</v>
      </c>
      <c r="D629" s="4" t="s">
        <v>114</v>
      </c>
      <c r="E629" s="3">
        <v>5</v>
      </c>
    </row>
    <row r="630" spans="1:5" ht="15" x14ac:dyDescent="0.25">
      <c r="A630" s="4" t="s">
        <v>328</v>
      </c>
      <c r="B630" s="4" t="s">
        <v>1097</v>
      </c>
      <c r="C630" s="4" t="s">
        <v>631</v>
      </c>
      <c r="D630" s="4" t="s">
        <v>632</v>
      </c>
      <c r="E630" s="3">
        <v>6</v>
      </c>
    </row>
    <row r="631" spans="1:5" ht="15" x14ac:dyDescent="0.25">
      <c r="A631" s="4" t="s">
        <v>701</v>
      </c>
      <c r="B631" s="4" t="s">
        <v>140</v>
      </c>
      <c r="C631" s="4" t="s">
        <v>625</v>
      </c>
      <c r="D631" s="4" t="s">
        <v>626</v>
      </c>
      <c r="E631" s="3">
        <v>7</v>
      </c>
    </row>
    <row r="632" spans="1:5" ht="15" x14ac:dyDescent="0.25">
      <c r="A632" s="4" t="s">
        <v>719</v>
      </c>
      <c r="B632" s="4" t="s">
        <v>234</v>
      </c>
      <c r="C632" s="4" t="s">
        <v>212</v>
      </c>
      <c r="D632" s="4" t="s">
        <v>1012</v>
      </c>
      <c r="E632" s="3">
        <v>8</v>
      </c>
    </row>
    <row r="634" spans="1:5" x14ac:dyDescent="0.2">
      <c r="A634" s="1" t="s">
        <v>112</v>
      </c>
      <c r="B634" s="1"/>
      <c r="C634" s="1"/>
      <c r="D634" s="1"/>
      <c r="E634" s="1" t="s">
        <v>391</v>
      </c>
    </row>
    <row r="635" spans="1:5" x14ac:dyDescent="0.2">
      <c r="A635" s="3"/>
      <c r="B635" s="3"/>
      <c r="C635" s="3"/>
      <c r="D635" s="3"/>
      <c r="E635" s="3"/>
    </row>
    <row r="636" spans="1:5" ht="15" x14ac:dyDescent="0.25">
      <c r="A636" s="4" t="s">
        <v>1066</v>
      </c>
      <c r="B636" s="4" t="s">
        <v>490</v>
      </c>
      <c r="C636" s="4" t="s">
        <v>319</v>
      </c>
      <c r="D636" s="4" t="s">
        <v>1069</v>
      </c>
      <c r="E636" s="3">
        <v>1</v>
      </c>
    </row>
    <row r="637" spans="1:5" ht="15" x14ac:dyDescent="0.25">
      <c r="A637" s="4" t="s">
        <v>1066</v>
      </c>
      <c r="B637" s="4" t="s">
        <v>490</v>
      </c>
      <c r="C637" s="4" t="s">
        <v>12</v>
      </c>
      <c r="D637" s="4" t="s">
        <v>1070</v>
      </c>
      <c r="E637" s="3">
        <v>2</v>
      </c>
    </row>
    <row r="638" spans="1:5" ht="15" x14ac:dyDescent="0.25">
      <c r="A638" s="4" t="s">
        <v>542</v>
      </c>
      <c r="B638" s="4" t="s">
        <v>220</v>
      </c>
      <c r="C638" s="4" t="s">
        <v>176</v>
      </c>
      <c r="D638" s="4" t="s">
        <v>564</v>
      </c>
      <c r="E638" s="3">
        <v>3</v>
      </c>
    </row>
    <row r="639" spans="1:5" ht="15" x14ac:dyDescent="0.25">
      <c r="A639" s="4" t="s">
        <v>1029</v>
      </c>
      <c r="B639" s="4" t="s">
        <v>1095</v>
      </c>
      <c r="C639" s="4" t="s">
        <v>38</v>
      </c>
      <c r="D639" s="4" t="s">
        <v>1031</v>
      </c>
      <c r="E639" s="3">
        <v>4</v>
      </c>
    </row>
    <row r="640" spans="1:5" ht="15" x14ac:dyDescent="0.25">
      <c r="A640" s="4" t="s">
        <v>1020</v>
      </c>
      <c r="B640" s="4" t="s">
        <v>490</v>
      </c>
      <c r="C640" s="4" t="s">
        <v>31</v>
      </c>
      <c r="D640" s="4" t="s">
        <v>1026</v>
      </c>
      <c r="E640" s="3">
        <v>5</v>
      </c>
    </row>
    <row r="641" spans="1:5" ht="15" x14ac:dyDescent="0.25">
      <c r="A641" s="4" t="s">
        <v>451</v>
      </c>
      <c r="B641" s="4" t="s">
        <v>220</v>
      </c>
      <c r="C641" s="4" t="s">
        <v>452</v>
      </c>
      <c r="D641" s="4" t="s">
        <v>453</v>
      </c>
      <c r="E641" s="3">
        <v>6</v>
      </c>
    </row>
    <row r="642" spans="1:5" ht="15" x14ac:dyDescent="0.25">
      <c r="A642" s="4" t="s">
        <v>706</v>
      </c>
      <c r="B642" s="4" t="s">
        <v>220</v>
      </c>
      <c r="C642" s="4" t="s">
        <v>710</v>
      </c>
      <c r="D642" s="4" t="s">
        <v>620</v>
      </c>
      <c r="E642" s="3">
        <v>7</v>
      </c>
    </row>
    <row r="643" spans="1:5" ht="15" x14ac:dyDescent="0.25">
      <c r="A643" s="4" t="s">
        <v>1018</v>
      </c>
      <c r="B643" s="4" t="s">
        <v>234</v>
      </c>
      <c r="C643" s="4" t="s">
        <v>705</v>
      </c>
      <c r="D643" s="4" t="s">
        <v>1019</v>
      </c>
      <c r="E643" s="3">
        <v>8</v>
      </c>
    </row>
    <row r="644" spans="1:5" ht="15" x14ac:dyDescent="0.25">
      <c r="A644" s="4" t="s">
        <v>17</v>
      </c>
      <c r="B644" s="4" t="s">
        <v>18</v>
      </c>
      <c r="C644" s="4" t="s">
        <v>20</v>
      </c>
      <c r="D644" s="4" t="s">
        <v>21</v>
      </c>
      <c r="E644" s="3">
        <v>9</v>
      </c>
    </row>
    <row r="645" spans="1:5" ht="15" x14ac:dyDescent="0.25">
      <c r="A645" s="4" t="s">
        <v>543</v>
      </c>
      <c r="B645" s="4" t="s">
        <v>107</v>
      </c>
      <c r="C645" s="4" t="s">
        <v>201</v>
      </c>
      <c r="D645" s="4" t="s">
        <v>544</v>
      </c>
      <c r="E645" s="3">
        <v>10</v>
      </c>
    </row>
    <row r="647" spans="1:5" ht="15" x14ac:dyDescent="0.25">
      <c r="A647" s="18" t="s">
        <v>390</v>
      </c>
      <c r="B647" s="19"/>
      <c r="C647" s="19"/>
      <c r="D647" s="19"/>
      <c r="E647" s="12"/>
    </row>
    <row r="648" spans="1:5" ht="15" x14ac:dyDescent="0.25">
      <c r="A648" s="20" t="s">
        <v>1091</v>
      </c>
      <c r="B648" s="20" t="s">
        <v>1092</v>
      </c>
      <c r="C648" s="20" t="s">
        <v>1093</v>
      </c>
      <c r="D648" s="20" t="s">
        <v>1094</v>
      </c>
      <c r="E648" s="21" t="s">
        <v>391</v>
      </c>
    </row>
    <row r="649" spans="1:5" ht="15" x14ac:dyDescent="0.25">
      <c r="A649" s="4" t="s">
        <v>589</v>
      </c>
      <c r="B649" s="4" t="s">
        <v>29</v>
      </c>
      <c r="C649" s="4" t="s">
        <v>109</v>
      </c>
      <c r="D649" s="4" t="s">
        <v>506</v>
      </c>
      <c r="E649" s="3">
        <v>1</v>
      </c>
    </row>
    <row r="650" spans="1:5" ht="15" x14ac:dyDescent="0.25">
      <c r="A650" s="4" t="s">
        <v>1006</v>
      </c>
      <c r="B650" s="4" t="s">
        <v>220</v>
      </c>
      <c r="C650" s="4" t="s">
        <v>108</v>
      </c>
      <c r="D650" s="4" t="s">
        <v>215</v>
      </c>
      <c r="E650" s="3">
        <v>2</v>
      </c>
    </row>
    <row r="651" spans="1:5" ht="15" x14ac:dyDescent="0.25">
      <c r="A651" s="4" t="s">
        <v>338</v>
      </c>
      <c r="B651" s="4" t="s">
        <v>140</v>
      </c>
      <c r="C651" s="4" t="s">
        <v>364</v>
      </c>
      <c r="D651" s="4" t="s">
        <v>213</v>
      </c>
      <c r="E651" s="3">
        <v>3</v>
      </c>
    </row>
    <row r="652" spans="1:5" ht="15" x14ac:dyDescent="0.25">
      <c r="A652" s="4" t="s">
        <v>667</v>
      </c>
      <c r="B652" s="4" t="s">
        <v>1097</v>
      </c>
      <c r="C652" s="4" t="s">
        <v>232</v>
      </c>
      <c r="D652" s="4" t="s">
        <v>669</v>
      </c>
      <c r="E652" s="3">
        <v>4</v>
      </c>
    </row>
    <row r="653" spans="1:5" ht="15" x14ac:dyDescent="0.25">
      <c r="A653" s="4" t="s">
        <v>1006</v>
      </c>
      <c r="B653" s="4" t="s">
        <v>220</v>
      </c>
      <c r="C653" s="4" t="s">
        <v>1009</v>
      </c>
      <c r="D653" s="4" t="s">
        <v>1010</v>
      </c>
      <c r="E653" s="3">
        <v>5</v>
      </c>
    </row>
    <row r="654" spans="1:5" ht="15" x14ac:dyDescent="0.25">
      <c r="A654" s="4" t="s">
        <v>1066</v>
      </c>
      <c r="B654" s="4" t="s">
        <v>490</v>
      </c>
      <c r="C654" s="4" t="s">
        <v>93</v>
      </c>
      <c r="D654" s="4" t="s">
        <v>1068</v>
      </c>
      <c r="E654" s="3">
        <v>6</v>
      </c>
    </row>
    <row r="655" spans="1:5" ht="15" x14ac:dyDescent="0.25">
      <c r="A655" s="4" t="s">
        <v>28</v>
      </c>
      <c r="B655" s="4" t="s">
        <v>29</v>
      </c>
      <c r="C655" s="4" t="s">
        <v>32</v>
      </c>
      <c r="D655" s="4" t="s">
        <v>33</v>
      </c>
      <c r="E655" s="3">
        <v>7</v>
      </c>
    </row>
    <row r="656" spans="1:5" ht="15" x14ac:dyDescent="0.25">
      <c r="A656" s="4" t="s">
        <v>338</v>
      </c>
      <c r="B656" s="4" t="s">
        <v>140</v>
      </c>
      <c r="C656" s="4" t="s">
        <v>370</v>
      </c>
      <c r="D656" s="4" t="s">
        <v>371</v>
      </c>
      <c r="E656" s="3">
        <v>8</v>
      </c>
    </row>
    <row r="657" spans="1:5" ht="15" x14ac:dyDescent="0.25">
      <c r="A657" s="4" t="s">
        <v>612</v>
      </c>
      <c r="B657" s="4" t="s">
        <v>140</v>
      </c>
      <c r="C657" s="4" t="s">
        <v>105</v>
      </c>
      <c r="D657" s="4" t="s">
        <v>295</v>
      </c>
      <c r="E657" s="3">
        <v>9</v>
      </c>
    </row>
    <row r="658" spans="1:5" ht="15" x14ac:dyDescent="0.25">
      <c r="A658" s="4" t="s">
        <v>983</v>
      </c>
      <c r="B658" s="4" t="s">
        <v>490</v>
      </c>
      <c r="C658" s="4" t="s">
        <v>984</v>
      </c>
      <c r="D658" s="4" t="s">
        <v>985</v>
      </c>
      <c r="E658" s="3">
        <v>10</v>
      </c>
    </row>
  </sheetData>
  <phoneticPr fontId="19" type="noConversion"/>
  <pageMargins left="0.75" right="0.75" top="1" bottom="1" header="0.5" footer="0.5"/>
  <pageSetup orientation="portrait" horizontalDpi="300" verticalDpi="3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2.75" x14ac:dyDescent="0.2"/>
  <sheetData/>
  <phoneticPr fontId="19" type="noConversion"/>
  <pageMargins left="0.75" right="0.75" top="1" bottom="1" header="0.5" footer="0.5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2.75" x14ac:dyDescent="0.2"/>
  <sheetData/>
  <phoneticPr fontId="19" type="noConversion"/>
  <pageMargins left="0.75" right="0.75" top="1" bottom="1" header="0.5" footer="0.5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3</vt:i4>
      </vt:variant>
    </vt:vector>
  </HeadingPairs>
  <TitlesOfParts>
    <vt:vector size="3" baseType="lpstr">
      <vt:lpstr>Sheet1</vt:lpstr>
      <vt:lpstr>Sheet2</vt:lpstr>
      <vt:lpstr>Sheet3</vt:lpstr>
    </vt:vector>
  </TitlesOfParts>
  <Company>Colorado Community College System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ramirez</dc:creator>
  <cp:lastModifiedBy>Davis, Molly</cp:lastModifiedBy>
  <dcterms:created xsi:type="dcterms:W3CDTF">2008-04-24T15:43:51Z</dcterms:created>
  <dcterms:modified xsi:type="dcterms:W3CDTF">2021-07-19T16:57:10Z</dcterms:modified>
</cp:coreProperties>
</file>